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9" r:id="rId2"/>
    <p:sldId id="25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Author" initials="A" lastIdx="0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6726" autoAdjust="0"/>
    <p:restoredTop sz="94660"/>
  </p:normalViewPr>
  <p:slideViewPr>
    <p:cSldViewPr snapToGrid="0">
      <p:cViewPr varScale="1">
        <p:scale>
          <a:sx n="128" d="100"/>
          <a:sy n="128" d="100"/>
        </p:scale>
        <p:origin x="426" y="12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commentAuthors" Target="commentAuthor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167988-2E27-49EC-BF9C-3A333016073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8F07CD3-1B5A-495D-BA7D-DF90425B267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B41C9F4-24D5-441A-9764-DDFD5D44BC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46919A-E568-4366-85A4-E43B5A0147D8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079D11-0EB1-423A-B1A8-FDFB2FFE52D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7D2492C-4619-498E-AEE4-3BF7E184FC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2FD6C3-BF34-48F1-BE84-1C0C529E5AF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767331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75AF93-AABA-4019-B85A-D80B35E599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8A3ED2B-2F48-4C7C-94CC-ACDA30D6011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29E0857-C4B8-441C-B46B-B732A23968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46919A-E568-4366-85A4-E43B5A0147D8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AA7C8F7-2F37-4C69-A4C6-501182BA8B5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E0B11C6-26EA-4906-A877-CAD074F539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2FD6C3-BF34-48F1-BE84-1C0C529E5AF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3685960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D90925B7-D511-4A6B-886C-E22F2BA1C89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7572EDC-E8DB-4A8A-85E9-5A58DA0641D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BF4F71-AEFD-473C-AC48-9CE10DB7F7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46919A-E568-4366-85A4-E43B5A0147D8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1CA9AC-025F-42E2-B861-0D3385424A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9F054A3-EF45-4888-BA30-707D3F0AFA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2FD6C3-BF34-48F1-BE84-1C0C529E5AF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808315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821121-F7DA-4AFF-AC8C-6B7B0C6C9A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C7A9B5A-93E8-4990-9A3E-ED2E71288D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4B8D2F9-10A7-44D6-B0C6-F6E2E0B4E1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46919A-E568-4366-85A4-E43B5A0147D8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581E7E7-F3C5-45A5-96BE-F03C1CCAC9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BC3699-D769-4E70-A1BB-FE19A97C66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2FD6C3-BF34-48F1-BE84-1C0C529E5AF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512730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2D9379D-641F-454E-87CE-350A3B85E9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2D8D496-A788-4EC2-AF02-D8817077134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4748520-03C1-4745-8BD9-BF4880E6A6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46919A-E568-4366-85A4-E43B5A0147D8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58EB1D-ADC1-4976-937E-21799CB5D4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B7A7A53-114E-49C7-BADD-86044EEE60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2FD6C3-BF34-48F1-BE84-1C0C529E5AF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664059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29CD05-D6C4-4F8C-83C4-7231B36D73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00B11C0-ED71-40BB-88F3-76924A48FC4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E46CCC9-AC75-4E91-AE06-B52B26EBAF9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D5360C7-DA59-4CAB-A202-9CDDC6286E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46919A-E568-4366-85A4-E43B5A0147D8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29E87CF-A9A5-4271-816B-30C859799C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024887-A354-4A5B-9F89-6263B1EE20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2FD6C3-BF34-48F1-BE84-1C0C529E5AF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562588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63D89E-13B1-48F8-81F3-242D004B000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59E900C-2446-4BAE-830D-36792D2A6AE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3C0E958-53B8-4949-9857-D5B85D661E2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EFBA6BA-7322-4AB5-BD0F-B011B95A220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4B0FC9B-ECEF-4DC4-9B6E-C340BC682EB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AE49598-8B7D-4834-BC86-26A1C3F697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46919A-E568-4366-85A4-E43B5A0147D8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A2E490D-A32D-4B65-8F78-B14DFCB639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CEEA193-9120-4770-8CE0-A357A28CA6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2FD6C3-BF34-48F1-BE84-1C0C529E5AF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7057858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8FE416-55B0-412F-9BAC-CA07BBE9196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12CFA28-E13B-4D75-BFF7-AE0A806763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46919A-E568-4366-85A4-E43B5A0147D8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4B59B9F-9A21-4AC7-AD7F-6A731C0456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752F6A7-E9A8-4C25-91B7-053AE9D18BE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2FD6C3-BF34-48F1-BE84-1C0C529E5AF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545610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93283E4-24B6-4CB5-BB42-ABFE5441E2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46919A-E568-4366-85A4-E43B5A0147D8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6F9ECA3-CF2B-479D-8AB8-D5A65837C8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9BB54BA-2B8B-4ADB-B99C-F76FFB218CA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2FD6C3-BF34-48F1-BE84-1C0C529E5AF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6494293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8025B0-1911-404B-8A06-FAA43A89303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4B3F290-20AD-4983-8A0A-F6F39B9484E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6DC0A75-BB48-4630-AE42-F5342FAA825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AF262AE-CF20-4AE8-B332-081E7510B9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46919A-E568-4366-85A4-E43B5A0147D8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6B16445-E9E4-4E46-912C-FF3A437904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B45E646-8C81-40D5-B2D2-BC4322B78B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2FD6C3-BF34-48F1-BE84-1C0C529E5AF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335460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821560-5CDA-456F-B0B7-A328259939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5D712BCF-780D-44CA-A582-53D4D9615C2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235557F-D6BE-4BF4-B490-D0FE323F5DF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FAA49FA-852B-41F9-8164-C7BFF2A6A8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46919A-E568-4366-85A4-E43B5A0147D8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DF672-D1DB-44E5-8AD1-0BB8DFB110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1E55F1E-0C75-4D9E-943B-1BC8B67B4B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2FD6C3-BF34-48F1-BE84-1C0C529E5AF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28849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26C1F01-46C5-441C-8ACB-CFC0D3E9E75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6678FA0-9260-4911-ADFF-271BB986101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04A084E-E9C1-4206-AFAE-D882CDA2E51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146919A-E568-4366-85A4-E43B5A0147D8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68D2E39-358F-49DC-9BCC-8D37C666F5F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62E9284-B866-4D30-B8B0-8E297E7A902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32FD6C3-BF34-48F1-BE84-1C0C529E5AF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44440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98491923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OTLSHAPE_SL_9cf0b9a3b4064869b9ae748fb5efbb51_BackgroundRectangle">
            <a:extLst>
              <a:ext uri="{FF2B5EF4-FFF2-40B4-BE49-F238E27FC236}">
                <a16:creationId xmlns:a16="http://schemas.microsoft.com/office/drawing/2014/main" id="{0EE456B0-9EA4-4F73-BF9A-6AD0B1B5305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557780"/>
            <a:ext cx="11633200" cy="588264"/>
          </a:xfrm>
          <a:prstGeom prst="rect">
            <a:avLst/>
          </a:prstGeom>
          <a:solidFill>
            <a:srgbClr val="7A6884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_089d7eb988274527948a1ef4646e8746_BackgroundRectangle">
            <a:extLst>
              <a:ext uri="{FF2B5EF4-FFF2-40B4-BE49-F238E27FC236}">
                <a16:creationId xmlns:a16="http://schemas.microsoft.com/office/drawing/2014/main" id="{FB74190A-4B90-459E-8663-612552A0F1F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209544"/>
            <a:ext cx="11633200" cy="588264"/>
          </a:xfrm>
          <a:prstGeom prst="rect">
            <a:avLst/>
          </a:prstGeom>
          <a:solidFill>
            <a:srgbClr val="618571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_ffee1e79b85943a28c39454ea880fda8_BackgroundRectangle">
            <a:extLst>
              <a:ext uri="{FF2B5EF4-FFF2-40B4-BE49-F238E27FC236}">
                <a16:creationId xmlns:a16="http://schemas.microsoft.com/office/drawing/2014/main" id="{386A0CDB-26D9-4A1F-9248-A959003745A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513072"/>
            <a:ext cx="11633200" cy="588264"/>
          </a:xfrm>
          <a:prstGeom prst="rect">
            <a:avLst/>
          </a:prstGeom>
          <a:solidFill>
            <a:schemeClr val="dk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SL_a88f145e4d284420a2baa685af085546_BackgroundRectangle">
            <a:extLst>
              <a:ext uri="{FF2B5EF4-FFF2-40B4-BE49-F238E27FC236}">
                <a16:creationId xmlns:a16="http://schemas.microsoft.com/office/drawing/2014/main" id="{910B020A-0F46-4381-8A13-7E8186EB611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3861308"/>
            <a:ext cx="11633200" cy="588264"/>
          </a:xfrm>
          <a:prstGeom prst="rect">
            <a:avLst/>
          </a:prstGeom>
          <a:solidFill>
            <a:srgbClr val="BB5B5D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C351BE33-5666-4F97-8208-7314A6E81F2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259076" y="1973580"/>
            <a:ext cx="9448800" cy="3810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_9cf0b9a3b4064869b9ae748fb5efbb51_HeaderRectangle">
            <a:extLst>
              <a:ext uri="{FF2B5EF4-FFF2-40B4-BE49-F238E27FC236}">
                <a16:creationId xmlns:a16="http://schemas.microsoft.com/office/drawing/2014/main" id="{D636ED7C-45F5-4A1C-89C2-FBD0333A23F1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2557780"/>
            <a:ext cx="2070100" cy="588264"/>
          </a:xfrm>
          <a:prstGeom prst="rect">
            <a:avLst/>
          </a:prstGeom>
          <a:solidFill>
            <a:srgbClr val="7A688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_089d7eb988274527948a1ef4646e8746_HeaderRectangle">
            <a:extLst>
              <a:ext uri="{FF2B5EF4-FFF2-40B4-BE49-F238E27FC236}">
                <a16:creationId xmlns:a16="http://schemas.microsoft.com/office/drawing/2014/main" id="{492C56B6-A015-452F-9EF7-4CA9FD1AB89A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3209544"/>
            <a:ext cx="2070100" cy="588264"/>
          </a:xfrm>
          <a:prstGeom prst="rect">
            <a:avLst/>
          </a:prstGeom>
          <a:solidFill>
            <a:srgbClr val="61857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_ffee1e79b85943a28c39454ea880fda8_HeaderRectangle">
            <a:extLst>
              <a:ext uri="{FF2B5EF4-FFF2-40B4-BE49-F238E27FC236}">
                <a16:creationId xmlns:a16="http://schemas.microsoft.com/office/drawing/2014/main" id="{BD4FB87E-FD3E-45CB-B24A-8B8E0F2D73BC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4513072"/>
            <a:ext cx="2070100" cy="588264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_a88f145e4d284420a2baa685af085546_HeaderRectangle">
            <a:extLst>
              <a:ext uri="{FF2B5EF4-FFF2-40B4-BE49-F238E27FC236}">
                <a16:creationId xmlns:a16="http://schemas.microsoft.com/office/drawing/2014/main" id="{68617060-F336-4D2C-9223-7DB2F0E8ED4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3861308"/>
            <a:ext cx="2070100" cy="588264"/>
          </a:xfrm>
          <a:prstGeom prst="rect">
            <a:avLst/>
          </a:prstGeom>
          <a:solidFill>
            <a:srgbClr val="BB5B5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9" name="OTLSHAPE_G_00000000000000000000000000000000_ShapeBelow0">
            <a:extLst>
              <a:ext uri="{FF2B5EF4-FFF2-40B4-BE49-F238E27FC236}">
                <a16:creationId xmlns:a16="http://schemas.microsoft.com/office/drawing/2014/main" id="{91CEBB26-DAB5-4530-BD8C-478889FD506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146516" y="2354580"/>
            <a:ext cx="0" cy="2746756"/>
          </a:xfrm>
          <a:prstGeom prst="line">
            <a:avLst/>
          </a:prstGeom>
          <a:ln w="762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1">
            <a:extLst>
              <a:ext uri="{FF2B5EF4-FFF2-40B4-BE49-F238E27FC236}">
                <a16:creationId xmlns:a16="http://schemas.microsoft.com/office/drawing/2014/main" id="{9F10230F-E1D5-4E3F-9CD7-4BA679FDD85B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033977" y="2354580"/>
            <a:ext cx="0" cy="2746756"/>
          </a:xfrm>
          <a:prstGeom prst="line">
            <a:avLst/>
          </a:prstGeom>
          <a:ln w="762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G_00000000000000000000000000000000_ShapeBelow2">
            <a:extLst>
              <a:ext uri="{FF2B5EF4-FFF2-40B4-BE49-F238E27FC236}">
                <a16:creationId xmlns:a16="http://schemas.microsoft.com/office/drawing/2014/main" id="{153B55E3-6BEE-4EF0-A170-4E5F6383B6B3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921438" y="2354580"/>
            <a:ext cx="0" cy="2746756"/>
          </a:xfrm>
          <a:prstGeom prst="line">
            <a:avLst/>
          </a:prstGeom>
          <a:ln w="762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8" name="OTLSHAPE_G_00000000000000000000000000000000_ShapeBelow3">
            <a:extLst>
              <a:ext uri="{FF2B5EF4-FFF2-40B4-BE49-F238E27FC236}">
                <a16:creationId xmlns:a16="http://schemas.microsoft.com/office/drawing/2014/main" id="{8C128843-97D9-48F9-B741-9691E327A366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9808900" y="2354579"/>
            <a:ext cx="0" cy="2746756"/>
          </a:xfrm>
          <a:prstGeom prst="line">
            <a:avLst/>
          </a:prstGeom>
          <a:ln w="762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6" name="OTLSHAPE_SLT_1f3ecdb523214d1c858ab8fb12392a13_Shape">
            <a:extLst>
              <a:ext uri="{FF2B5EF4-FFF2-40B4-BE49-F238E27FC236}">
                <a16:creationId xmlns:a16="http://schemas.microsoft.com/office/drawing/2014/main" id="{ABD9A1A9-7B1A-4D7D-B00D-C5A5835E835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2259076" y="2595880"/>
            <a:ext cx="952500" cy="512064"/>
          </a:xfrm>
          <a:prstGeom prst="roundRect">
            <a:avLst>
              <a:gd name="adj" fmla="val 100000"/>
            </a:avLst>
          </a:prstGeom>
          <a:solidFill>
            <a:srgbClr val="FA8C6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8" name="OTLSHAPE_SLT_bf0bab4e98f54763a82568a5d219a5c7_Shape">
            <a:extLst>
              <a:ext uri="{FF2B5EF4-FFF2-40B4-BE49-F238E27FC236}">
                <a16:creationId xmlns:a16="http://schemas.microsoft.com/office/drawing/2014/main" id="{E58C6C58-4C40-4CBA-A2D8-1190A27C20D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741797" y="2595880"/>
            <a:ext cx="952500" cy="512064"/>
          </a:xfrm>
          <a:prstGeom prst="roundRect">
            <a:avLst>
              <a:gd name="adj" fmla="val 100000"/>
            </a:avLst>
          </a:prstGeom>
          <a:solidFill>
            <a:srgbClr val="FA8C6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SLT_eeb83e503ffe4a72a203fede87f23081_Shape">
            <a:extLst>
              <a:ext uri="{FF2B5EF4-FFF2-40B4-BE49-F238E27FC236}">
                <a16:creationId xmlns:a16="http://schemas.microsoft.com/office/drawing/2014/main" id="{F7066605-F9EC-4A3E-82B0-F018397878C0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629259" y="2595880"/>
            <a:ext cx="952500" cy="512064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T_79eebf0cc03e4ea08540b80882717e0a_Shape">
            <a:extLst>
              <a:ext uri="{FF2B5EF4-FFF2-40B4-BE49-F238E27FC236}">
                <a16:creationId xmlns:a16="http://schemas.microsoft.com/office/drawing/2014/main" id="{B8D69C65-481C-4C93-A475-DEA7B68EB3A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751341" y="2595880"/>
            <a:ext cx="952500" cy="512064"/>
          </a:xfrm>
          <a:prstGeom prst="roundRect">
            <a:avLst>
              <a:gd name="adj" fmla="val 100000"/>
            </a:avLst>
          </a:prstGeom>
          <a:solidFill>
            <a:srgbClr val="FA8C6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4" name="OTLSHAPE_SLT_f1b03b9fadb246d6b74eef66d2c662d1_Shape">
            <a:extLst>
              <a:ext uri="{FF2B5EF4-FFF2-40B4-BE49-F238E27FC236}">
                <a16:creationId xmlns:a16="http://schemas.microsoft.com/office/drawing/2014/main" id="{BCC0C3BD-1D25-4338-B5FD-ABAC8F7C0531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7921461" y="3247644"/>
            <a:ext cx="952500" cy="512064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chemeClr val="tx1"/>
              </a:solidFill>
            </a:endParaRPr>
          </a:p>
        </p:txBody>
      </p:sp>
      <p:sp>
        <p:nvSpPr>
          <p:cNvPr id="275" name="OTLSHAPE_SLT_0c2bc868afc149789e8d5d4f453cedec_Shape">
            <a:extLst>
              <a:ext uri="{FF2B5EF4-FFF2-40B4-BE49-F238E27FC236}">
                <a16:creationId xmlns:a16="http://schemas.microsoft.com/office/drawing/2014/main" id="{0282A589-BBF6-404C-8AF3-D895102D344C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888230" y="3247644"/>
            <a:ext cx="952500" cy="512064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2" name="OTLSHAPE_SLT_3ab142d535d040ee9ac65a826f20a3d2_Shape">
            <a:extLst>
              <a:ext uri="{FF2B5EF4-FFF2-40B4-BE49-F238E27FC236}">
                <a16:creationId xmlns:a16="http://schemas.microsoft.com/office/drawing/2014/main" id="{D7B5C131-BD97-48BE-8AF1-7C0AE7349554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629259" y="4551172"/>
            <a:ext cx="952500" cy="512064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" name="OTLSHAPE_SLT_82d7a03d3688442bbad0d119b4d5f16d_Shape">
            <a:extLst>
              <a:ext uri="{FF2B5EF4-FFF2-40B4-BE49-F238E27FC236}">
                <a16:creationId xmlns:a16="http://schemas.microsoft.com/office/drawing/2014/main" id="{BE05CD00-1C39-4DFD-9045-AACA63E314B8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887566" y="4551172"/>
            <a:ext cx="952500" cy="512064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6" name="OTLSHAPE_SLT_00a150747691444f9c5695ea19f14bff_Shape">
            <a:extLst>
              <a:ext uri="{FF2B5EF4-FFF2-40B4-BE49-F238E27FC236}">
                <a16:creationId xmlns:a16="http://schemas.microsoft.com/office/drawing/2014/main" id="{A22B7328-F87F-4C25-83FC-DC76B3BD0904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033999" y="3247644"/>
            <a:ext cx="952500" cy="512064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4" name="OTLSHAPE_SLT_2c6da80aa5954a37b6a6bc0e8ef8f6db_Shape">
            <a:extLst>
              <a:ext uri="{FF2B5EF4-FFF2-40B4-BE49-F238E27FC236}">
                <a16:creationId xmlns:a16="http://schemas.microsoft.com/office/drawing/2014/main" id="{95A65FAA-31AC-4290-9087-55EDBD0C792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887566" y="3247644"/>
            <a:ext cx="952500" cy="512064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2" name="OTLSHAPE_SLT_5024da5f4d8841748a89544126f9da82_Shape">
            <a:extLst>
              <a:ext uri="{FF2B5EF4-FFF2-40B4-BE49-F238E27FC236}">
                <a16:creationId xmlns:a16="http://schemas.microsoft.com/office/drawing/2014/main" id="{B9784F2E-01F8-4D6E-BA5D-304C37EC463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088958" y="3899408"/>
            <a:ext cx="952500" cy="512064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0" name="OTLSHAPE_SLT_27e0e90c8e61460f88da93ab404fc85d_Shape">
            <a:extLst>
              <a:ext uri="{FF2B5EF4-FFF2-40B4-BE49-F238E27FC236}">
                <a16:creationId xmlns:a16="http://schemas.microsoft.com/office/drawing/2014/main" id="{58FC2F50-1BAF-4F2B-978D-B4334D597908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741797" y="3899408"/>
            <a:ext cx="952500" cy="512064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98" name="OTLSHAPE_SLT_0fe6e6c4d349427c81caccf576ba460c_Shape">
            <a:extLst>
              <a:ext uri="{FF2B5EF4-FFF2-40B4-BE49-F238E27FC236}">
                <a16:creationId xmlns:a16="http://schemas.microsoft.com/office/drawing/2014/main" id="{9AFF48A2-F87A-49BA-8F9B-D183131AC2A4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0751341" y="3899408"/>
            <a:ext cx="952500" cy="512064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4" name="OTLSHAPE_SLT_f4742326e99443d9b67707d4dd7c3f50_Shape">
            <a:extLst>
              <a:ext uri="{FF2B5EF4-FFF2-40B4-BE49-F238E27FC236}">
                <a16:creationId xmlns:a16="http://schemas.microsoft.com/office/drawing/2014/main" id="{91F810C2-4157-4E4D-BA6D-B08FC0189B5A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4225182" y="3247644"/>
            <a:ext cx="1028700" cy="512064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8" name="OTLSHAPE_SLT_2fcc06c9f2bd4a77add5931a50d338f4_Shape">
            <a:extLst>
              <a:ext uri="{FF2B5EF4-FFF2-40B4-BE49-F238E27FC236}">
                <a16:creationId xmlns:a16="http://schemas.microsoft.com/office/drawing/2014/main" id="{4B574526-956B-43E8-8565-0CE97B14649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7370951" y="4551172"/>
            <a:ext cx="952500" cy="512064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_9cf0b9a3b4064869b9ae748fb5efbb51_Header">
            <a:extLst>
              <a:ext uri="{FF2B5EF4-FFF2-40B4-BE49-F238E27FC236}">
                <a16:creationId xmlns:a16="http://schemas.microsoft.com/office/drawing/2014/main" id="{2BE80114-006B-4607-8F54-1DF60D04B3FD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3500" y="2758885"/>
            <a:ext cx="2070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User</a:t>
            </a:r>
          </a:p>
        </p:txBody>
      </p:sp>
      <p:sp>
        <p:nvSpPr>
          <p:cNvPr id="32" name="OTLSHAPE_SL_089d7eb988274527948a1ef4646e8746_Header">
            <a:extLst>
              <a:ext uri="{FF2B5EF4-FFF2-40B4-BE49-F238E27FC236}">
                <a16:creationId xmlns:a16="http://schemas.microsoft.com/office/drawing/2014/main" id="{79A36BC3-E84D-4A49-97DD-311D991FC7A6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3500" y="3410648"/>
            <a:ext cx="2070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Tech Support</a:t>
            </a:r>
          </a:p>
        </p:txBody>
      </p:sp>
      <p:sp>
        <p:nvSpPr>
          <p:cNvPr id="35" name="OTLSHAPE_SL_ffee1e79b85943a28c39454ea880fda8_Header">
            <a:extLst>
              <a:ext uri="{FF2B5EF4-FFF2-40B4-BE49-F238E27FC236}">
                <a16:creationId xmlns:a16="http://schemas.microsoft.com/office/drawing/2014/main" id="{B1431EDF-92F6-4455-9CAC-A5E73AD2D9FA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3500" y="4714177"/>
            <a:ext cx="2070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38" name="OTLSHAPE_SL_a88f145e4d284420a2baa685af085546_Header">
            <a:extLst>
              <a:ext uri="{FF2B5EF4-FFF2-40B4-BE49-F238E27FC236}">
                <a16:creationId xmlns:a16="http://schemas.microsoft.com/office/drawing/2014/main" id="{68514583-C93A-47C9-9D3B-FD9E8B46397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4062413"/>
            <a:ext cx="2070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26577D1-DF55-482F-B6FB-D686A868146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2322576" y="2055558"/>
            <a:ext cx="4064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2" dirty="0">
                <a:solidFill>
                  <a:schemeClr val="dk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BFA6957D-15A1-41B2-813A-86747583ECD4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4210038" y="2055558"/>
            <a:ext cx="877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>
                <a:solidFill>
                  <a:schemeClr val="dk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481B36AC-92A7-4B64-B51F-51111291F90E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097499" y="2055558"/>
            <a:ext cx="877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2FCFF82F-D12D-4A1B-8690-4F9992F2E11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7984961" y="2055558"/>
            <a:ext cx="877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>
                <a:solidFill>
                  <a:schemeClr val="dk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52" name="OTLSHAPE_SLT_1f3ecdb523214d1c858ab8fb12392a13_Title">
            <a:extLst>
              <a:ext uri="{FF2B5EF4-FFF2-40B4-BE49-F238E27FC236}">
                <a16:creationId xmlns:a16="http://schemas.microsoft.com/office/drawing/2014/main" id="{A7F975C5-3A46-43A6-A1A5-4619C2E150E2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380294" y="2766653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Report issue</a:t>
            </a:r>
          </a:p>
        </p:txBody>
      </p:sp>
      <p:sp>
        <p:nvSpPr>
          <p:cNvPr id="63" name="OTLSHAPE_SLT_bf0bab4e98f54763a82568a5d219a5c7_Title">
            <a:extLst>
              <a:ext uri="{FF2B5EF4-FFF2-40B4-BE49-F238E27FC236}">
                <a16:creationId xmlns:a16="http://schemas.microsoft.com/office/drawing/2014/main" id="{0EA147EA-409D-43DD-8BFF-16F7E16057B9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903549" y="2766653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Close issue</a:t>
            </a:r>
          </a:p>
        </p:txBody>
      </p:sp>
      <p:sp>
        <p:nvSpPr>
          <p:cNvPr id="89" name="OTLSHAPE_SLT_eeb83e503ffe4a72a203fede87f23081_Title">
            <a:extLst>
              <a:ext uri="{FF2B5EF4-FFF2-40B4-BE49-F238E27FC236}">
                <a16:creationId xmlns:a16="http://schemas.microsoft.com/office/drawing/2014/main" id="{C98B4A61-39D8-4A3A-A6D9-358CDC58F1C2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8888123" y="2766653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Comms</a:t>
            </a:r>
          </a:p>
        </p:txBody>
      </p:sp>
      <p:sp>
        <p:nvSpPr>
          <p:cNvPr id="98" name="OTLSHAPE_SLT_79eebf0cc03e4ea08540b80882717e0a_Title">
            <a:extLst>
              <a:ext uri="{FF2B5EF4-FFF2-40B4-BE49-F238E27FC236}">
                <a16:creationId xmlns:a16="http://schemas.microsoft.com/office/drawing/2014/main" id="{F749A0EC-B7FD-4CAF-A204-4D414DC89E5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0913094" y="2766653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Close issue</a:t>
            </a:r>
            <a:endParaRPr lang="en-US" sz="11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1" name="OTLSHAPE_SLT_0c2bc868afc149789e8d5d4f453cedec_Title">
            <a:extLst>
              <a:ext uri="{FF2B5EF4-FFF2-40B4-BE49-F238E27FC236}">
                <a16:creationId xmlns:a16="http://schemas.microsoft.com/office/drawing/2014/main" id="{6EAB2C4F-3013-4CB0-B092-3B1B6219F295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984789" y="3333157"/>
            <a:ext cx="774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Receive issue</a:t>
            </a:r>
          </a:p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Open ticket</a:t>
            </a:r>
            <a:endParaRPr lang="en-US" sz="1100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8" name="OTLSHAPE_SLT_3ab142d535d040ee9ac65a826f20a3d2_Title">
            <a:extLst>
              <a:ext uri="{FF2B5EF4-FFF2-40B4-BE49-F238E27FC236}">
                <a16:creationId xmlns:a16="http://schemas.microsoft.com/office/drawing/2014/main" id="{A76FCF16-707D-46D3-8B77-4C9CB3BAC17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8773612" y="4636685"/>
            <a:ext cx="673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Feasibility</a:t>
            </a:r>
          </a:p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ssessment</a:t>
            </a:r>
          </a:p>
        </p:txBody>
      </p:sp>
      <p:sp>
        <p:nvSpPr>
          <p:cNvPr id="326" name="OTLSHAPE_SLT_82d7a03d3688442bbad0d119b4d5f16d_Title">
            <a:extLst>
              <a:ext uri="{FF2B5EF4-FFF2-40B4-BE49-F238E27FC236}">
                <a16:creationId xmlns:a16="http://schemas.microsoft.com/office/drawing/2014/main" id="{289B8DE5-0019-4A77-BF16-E109BB0E1788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0035285" y="4721945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Fix and test</a:t>
            </a:r>
          </a:p>
        </p:txBody>
      </p:sp>
      <p:sp>
        <p:nvSpPr>
          <p:cNvPr id="343" name="OTLSHAPE_SLT_f1b03b9fadb246d6b74eef66d2c662d1_Title">
            <a:extLst>
              <a:ext uri="{FF2B5EF4-FFF2-40B4-BE49-F238E27FC236}">
                <a16:creationId xmlns:a16="http://schemas.microsoft.com/office/drawing/2014/main" id="{E26532A3-B087-4B0D-8E12-0087A7BE784D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8117736" y="3333157"/>
            <a:ext cx="571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0">
                <a:solidFill>
                  <a:schemeClr val="lt1"/>
                </a:solidFill>
                <a:latin typeface="Calibri" panose="020F0502020204030204" pitchFamily="34" charset="0"/>
              </a:rPr>
              <a:t>Request</a:t>
            </a:r>
          </a:p>
          <a:p>
            <a:pPr algn="ctr"/>
            <a:r>
              <a:rPr lang="en-US" sz="1100" spc="-10">
                <a:solidFill>
                  <a:schemeClr val="lt1"/>
                </a:solidFill>
                <a:latin typeface="Calibri" panose="020F0502020204030204" pitchFamily="34" charset="0"/>
              </a:rPr>
              <a:t>more info</a:t>
            </a:r>
            <a:endParaRPr lang="en-US" sz="11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62" name="OTLSHAPE_SLT_00a150747691444f9c5695ea19f14bff_Title">
            <a:extLst>
              <a:ext uri="{FF2B5EF4-FFF2-40B4-BE49-F238E27FC236}">
                <a16:creationId xmlns:a16="http://schemas.microsoft.com/office/drawing/2014/main" id="{868059EA-5C24-44E8-97BC-17367025DB5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276523" y="3333157"/>
            <a:ext cx="482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Provide</a:t>
            </a:r>
          </a:p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solution</a:t>
            </a:r>
            <a:endParaRPr lang="en-US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70" name="OTLSHAPE_SLT_2c6da80aa5954a37b6a6bc0e8ef8f6db_Title">
            <a:extLst>
              <a:ext uri="{FF2B5EF4-FFF2-40B4-BE49-F238E27FC236}">
                <a16:creationId xmlns:a16="http://schemas.microsoft.com/office/drawing/2014/main" id="{9E841B00-B09B-44CE-A4E9-C181BF660B6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0144568" y="3333157"/>
            <a:ext cx="444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0">
                <a:solidFill>
                  <a:schemeClr val="lt1"/>
                </a:solidFill>
                <a:latin typeface="Calibri" panose="020F0502020204030204" pitchFamily="34" charset="0"/>
              </a:rPr>
              <a:t>Provide</a:t>
            </a:r>
          </a:p>
          <a:p>
            <a:pPr algn="ctr"/>
            <a:r>
              <a:rPr lang="en-US" sz="1100" spc="-10">
                <a:solidFill>
                  <a:schemeClr val="lt1"/>
                </a:solidFill>
                <a:latin typeface="Calibri" panose="020F0502020204030204" pitchFamily="34" charset="0"/>
              </a:rPr>
              <a:t>update</a:t>
            </a:r>
            <a:endParaRPr lang="en-US" sz="11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78" name="OTLSHAPE_SLT_5024da5f4d8841748a89544126f9da82_Title">
            <a:extLst>
              <a:ext uri="{FF2B5EF4-FFF2-40B4-BE49-F238E27FC236}">
                <a16:creationId xmlns:a16="http://schemas.microsoft.com/office/drawing/2014/main" id="{FA6FF67E-C12F-4A2B-BCA9-0FC37CFFD745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5208885" y="4070181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Issue testing</a:t>
            </a:r>
          </a:p>
        </p:txBody>
      </p:sp>
      <p:sp>
        <p:nvSpPr>
          <p:cNvPr id="396" name="OTLSHAPE_SLT_27e0e90c8e61460f88da93ab404fc85d_Title">
            <a:extLst>
              <a:ext uri="{FF2B5EF4-FFF2-40B4-BE49-F238E27FC236}">
                <a16:creationId xmlns:a16="http://schemas.microsoft.com/office/drawing/2014/main" id="{9FE3FBE0-D42D-4BDC-A7D8-7AC79A0295A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851966" y="3984921"/>
            <a:ext cx="736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Issue</a:t>
            </a:r>
          </a:p>
          <a:p>
            <a:pPr algn="ct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reproduced?</a:t>
            </a:r>
          </a:p>
        </p:txBody>
      </p:sp>
      <p:sp>
        <p:nvSpPr>
          <p:cNvPr id="404" name="OTLSHAPE_SLT_0fe6e6c4d349427c81caccf576ba460c_Title">
            <a:extLst>
              <a:ext uri="{FF2B5EF4-FFF2-40B4-BE49-F238E27FC236}">
                <a16:creationId xmlns:a16="http://schemas.microsoft.com/office/drawing/2014/main" id="{CEE59F5A-833B-44BA-8D0C-CF89219A467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0936886" y="4070181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Resolved?</a:t>
            </a:r>
          </a:p>
        </p:txBody>
      </p:sp>
      <p:sp>
        <p:nvSpPr>
          <p:cNvPr id="407" name="OTLSHAPE_TB_00000000000000000000000000000000_TimescaleInterval5">
            <a:extLst>
              <a:ext uri="{FF2B5EF4-FFF2-40B4-BE49-F238E27FC236}">
                <a16:creationId xmlns:a16="http://schemas.microsoft.com/office/drawing/2014/main" id="{03CECD4B-3C80-4EAF-9C45-72E26184366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9872421" y="2055558"/>
            <a:ext cx="877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>
                <a:solidFill>
                  <a:schemeClr val="dk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430" name="OTLSHAPE_SLT_f4742326e99443d9b67707d4dd7c3f50_Title">
            <a:extLst>
              <a:ext uri="{FF2B5EF4-FFF2-40B4-BE49-F238E27FC236}">
                <a16:creationId xmlns:a16="http://schemas.microsoft.com/office/drawing/2014/main" id="{1AD4B395-7634-4730-99A5-3A0FDDCAE375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541276" y="3333157"/>
            <a:ext cx="406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Calibri" panose="020F0502020204030204" pitchFamily="34" charset="0"/>
              </a:rPr>
              <a:t>Known</a:t>
            </a:r>
          </a:p>
          <a:p>
            <a:pPr algn="ctr"/>
            <a:r>
              <a:rPr lang="en-US" sz="1100" spc="-12" dirty="0">
                <a:solidFill>
                  <a:schemeClr val="dk1"/>
                </a:solidFill>
                <a:latin typeface="Calibri" panose="020F0502020204030204" pitchFamily="34" charset="0"/>
              </a:rPr>
              <a:t>issue?</a:t>
            </a:r>
          </a:p>
        </p:txBody>
      </p:sp>
      <p:sp>
        <p:nvSpPr>
          <p:cNvPr id="484" name="OTLSHAPE_SLT_2fcc06c9f2bd4a77add5931a50d338f4_Title">
            <a:extLst>
              <a:ext uri="{FF2B5EF4-FFF2-40B4-BE49-F238E27FC236}">
                <a16:creationId xmlns:a16="http://schemas.microsoft.com/office/drawing/2014/main" id="{44E2B743-B2C9-4C6C-A5AD-0F4B0048BAA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7580857" y="4721945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Bug filing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549C4886-C4A8-40E3-A021-E16750C2E634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4146516" y="2062480"/>
            <a:ext cx="0" cy="20320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21E87F5D-2560-4A01-82AC-A98947C16022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6033977" y="2062480"/>
            <a:ext cx="0" cy="20320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146345FA-00E7-4A64-9510-7FB676E4AF3B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7921438" y="2062480"/>
            <a:ext cx="0" cy="20320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6" name="OTLSHAPE_TB_00000000000000000000000000000000_Separator4">
            <a:extLst>
              <a:ext uri="{FF2B5EF4-FFF2-40B4-BE49-F238E27FC236}">
                <a16:creationId xmlns:a16="http://schemas.microsoft.com/office/drawing/2014/main" id="{953F9784-7A2E-49F4-90EE-D9BFA72D1432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9808900" y="2062480"/>
            <a:ext cx="0" cy="20320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5" name="OTLSHAPE_M_db4393fafb20429da7667ad39271af50_Shape">
            <a:extLst>
              <a:ext uri="{FF2B5EF4-FFF2-40B4-BE49-F238E27FC236}">
                <a16:creationId xmlns:a16="http://schemas.microsoft.com/office/drawing/2014/main" id="{2BAFB858-2410-4710-8557-5C61C574F88E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7373395" y="1859280"/>
            <a:ext cx="152400" cy="177800"/>
          </a:xfrm>
          <a:prstGeom prst="teardrop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2" name="OTLSHAPE_M_4a076ebd25c146989ebf5900a5b4447e_Shape">
            <a:extLst>
              <a:ext uri="{FF2B5EF4-FFF2-40B4-BE49-F238E27FC236}">
                <a16:creationId xmlns:a16="http://schemas.microsoft.com/office/drawing/2014/main" id="{99602831-BD2C-4267-BA53-9B6DE32DA4DC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5171356" y="185928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41" name="OTLSHAPE_M_45f206272c004280ab74e0162466c250_Shape">
            <a:extLst>
              <a:ext uri="{FF2B5EF4-FFF2-40B4-BE49-F238E27FC236}">
                <a16:creationId xmlns:a16="http://schemas.microsoft.com/office/drawing/2014/main" id="{DCDADCC9-99D8-47ED-8A51-10C470CEDABC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 flipV="1">
            <a:off x="11148318" y="1859280"/>
            <a:ext cx="152400" cy="1778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" name="OTLSHAPE_M_d13f186547184bbb84e3129eee9c4279_Shape">
            <a:extLst>
              <a:ext uri="{FF2B5EF4-FFF2-40B4-BE49-F238E27FC236}">
                <a16:creationId xmlns:a16="http://schemas.microsoft.com/office/drawing/2014/main" id="{62525688-6D51-492A-B777-47E8CDE7751A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10283231" y="1859280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4" name="OTLSHAPE_M_ad52e739797946d7bd463b006c06394d_Shape">
            <a:extLst>
              <a:ext uri="{FF2B5EF4-FFF2-40B4-BE49-F238E27FC236}">
                <a16:creationId xmlns:a16="http://schemas.microsoft.com/office/drawing/2014/main" id="{240D6496-31DA-4BA1-8E3A-9F1D46791074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 flipV="1">
            <a:off x="2654741" y="1859280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M_ad52e739797946d7bd463b006c06394d_Title">
            <a:extLst>
              <a:ext uri="{FF2B5EF4-FFF2-40B4-BE49-F238E27FC236}">
                <a16:creationId xmlns:a16="http://schemas.microsoft.com/office/drawing/2014/main" id="{F1D50068-55DE-41E8-B6DB-00B377261E4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533393" y="1663361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Report</a:t>
            </a:r>
          </a:p>
        </p:txBody>
      </p:sp>
      <p:sp>
        <p:nvSpPr>
          <p:cNvPr id="231" name="OTLSHAPE_M_4a076ebd25c146989ebf5900a5b4447e_Title">
            <a:extLst>
              <a:ext uri="{FF2B5EF4-FFF2-40B4-BE49-F238E27FC236}">
                <a16:creationId xmlns:a16="http://schemas.microsoft.com/office/drawing/2014/main" id="{615ECB8E-6556-454E-AA80-5A6203ED100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132558" y="1663361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34">
                <a:solidFill>
                  <a:schemeClr val="dk1"/>
                </a:solidFill>
                <a:latin typeface="Calibri" panose="020F0502020204030204" pitchFamily="34" charset="0"/>
              </a:rPr>
              <a:t>Test</a:t>
            </a:r>
          </a:p>
        </p:txBody>
      </p:sp>
      <p:sp>
        <p:nvSpPr>
          <p:cNvPr id="232" name="OTLSHAPE_M_db4393fafb20429da7667ad39271af50_Title">
            <a:extLst>
              <a:ext uri="{FF2B5EF4-FFF2-40B4-BE49-F238E27FC236}">
                <a16:creationId xmlns:a16="http://schemas.microsoft.com/office/drawing/2014/main" id="{F71AC278-FDB0-44FC-9F46-99C885E47A0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348079" y="1663361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File</a:t>
            </a:r>
          </a:p>
        </p:txBody>
      </p:sp>
      <p:sp>
        <p:nvSpPr>
          <p:cNvPr id="233" name="OTLSHAPE_M_d13f186547184bbb84e3129eee9c4279_Title">
            <a:extLst>
              <a:ext uri="{FF2B5EF4-FFF2-40B4-BE49-F238E27FC236}">
                <a16:creationId xmlns:a16="http://schemas.microsoft.com/office/drawing/2014/main" id="{57850D42-AE85-415E-8746-64C5AB21598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0278130" y="1663361"/>
            <a:ext cx="16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Fix</a:t>
            </a:r>
          </a:p>
        </p:txBody>
      </p:sp>
      <p:sp>
        <p:nvSpPr>
          <p:cNvPr id="436" name="OTLSHAPE_M_45f206272c004280ab74e0162466c250_Title">
            <a:extLst>
              <a:ext uri="{FF2B5EF4-FFF2-40B4-BE49-F238E27FC236}">
                <a16:creationId xmlns:a16="http://schemas.microsoft.com/office/drawing/2014/main" id="{20EC83DB-FA4F-460A-9F9D-8CAF228DB87C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1069832" y="1663361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Close</a:t>
            </a:r>
          </a:p>
        </p:txBody>
      </p:sp>
      <p:sp>
        <p:nvSpPr>
          <p:cNvPr id="445" name="TextBox 444">
            <a:extLst>
              <a:ext uri="{FF2B5EF4-FFF2-40B4-BE49-F238E27FC236}">
                <a16:creationId xmlns:a16="http://schemas.microsoft.com/office/drawing/2014/main" id="{EEB463D5-74DA-4E93-B3A8-EBF0433B66F7}"/>
              </a:ext>
            </a:extLst>
          </p:cNvPr>
          <p:cNvSpPr txBox="1"/>
          <p:nvPr/>
        </p:nvSpPr>
        <p:spPr>
          <a:xfrm>
            <a:off x="66880" y="1811818"/>
            <a:ext cx="207559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5-Day Maintenance Workflow</a:t>
            </a:r>
          </a:p>
        </p:txBody>
      </p:sp>
      <p:cxnSp>
        <p:nvCxnSpPr>
          <p:cNvPr id="450" name="Connector: Elbow 449">
            <a:extLst>
              <a:ext uri="{FF2B5EF4-FFF2-40B4-BE49-F238E27FC236}">
                <a16:creationId xmlns:a16="http://schemas.microsoft.com/office/drawing/2014/main" id="{C7B81DB9-4C99-4CE3-BA53-730F3F1618BE}"/>
              </a:ext>
            </a:extLst>
          </p:cNvPr>
          <p:cNvCxnSpPr>
            <a:cxnSpLocks/>
            <a:stCxn id="236" idx="2"/>
            <a:endCxn id="275" idx="1"/>
          </p:cNvCxnSpPr>
          <p:nvPr/>
        </p:nvCxnSpPr>
        <p:spPr>
          <a:xfrm rot="16200000" flipH="1">
            <a:off x="2613912" y="3229358"/>
            <a:ext cx="395732" cy="152904"/>
          </a:xfrm>
          <a:prstGeom prst="bentConnector2">
            <a:avLst/>
          </a:prstGeom>
          <a:ln w="9525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3" name="Straight Arrow Connector 452">
            <a:extLst>
              <a:ext uri="{FF2B5EF4-FFF2-40B4-BE49-F238E27FC236}">
                <a16:creationId xmlns:a16="http://schemas.microsoft.com/office/drawing/2014/main" id="{E8F020CD-08EF-4D0B-A50A-8DC61D8209BE}"/>
              </a:ext>
            </a:extLst>
          </p:cNvPr>
          <p:cNvCxnSpPr>
            <a:stCxn id="275" idx="3"/>
            <a:endCxn id="424" idx="2"/>
          </p:cNvCxnSpPr>
          <p:nvPr/>
        </p:nvCxnSpPr>
        <p:spPr>
          <a:xfrm>
            <a:off x="3840730" y="3503676"/>
            <a:ext cx="384452" cy="0"/>
          </a:xfrm>
          <a:prstGeom prst="straightConnector1">
            <a:avLst/>
          </a:prstGeom>
          <a:ln w="9525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5" name="Straight Arrow Connector 454">
            <a:extLst>
              <a:ext uri="{FF2B5EF4-FFF2-40B4-BE49-F238E27FC236}">
                <a16:creationId xmlns:a16="http://schemas.microsoft.com/office/drawing/2014/main" id="{1339EA92-89A0-41F4-8BFE-FD155FE6D9B5}"/>
              </a:ext>
            </a:extLst>
          </p:cNvPr>
          <p:cNvCxnSpPr>
            <a:cxnSpLocks/>
            <a:stCxn id="424" idx="0"/>
            <a:endCxn id="356" idx="1"/>
          </p:cNvCxnSpPr>
          <p:nvPr/>
        </p:nvCxnSpPr>
        <p:spPr>
          <a:xfrm>
            <a:off x="5253882" y="3503676"/>
            <a:ext cx="780117" cy="0"/>
          </a:xfrm>
          <a:prstGeom prst="straightConnector1">
            <a:avLst/>
          </a:prstGeom>
          <a:ln w="9525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8" name="Straight Arrow Connector 457">
            <a:extLst>
              <a:ext uri="{FF2B5EF4-FFF2-40B4-BE49-F238E27FC236}">
                <a16:creationId xmlns:a16="http://schemas.microsoft.com/office/drawing/2014/main" id="{9A75C7E9-D705-402B-832E-80FAD99BD8F2}"/>
              </a:ext>
            </a:extLst>
          </p:cNvPr>
          <p:cNvCxnSpPr>
            <a:stCxn id="372" idx="3"/>
            <a:endCxn id="390" idx="2"/>
          </p:cNvCxnSpPr>
          <p:nvPr/>
        </p:nvCxnSpPr>
        <p:spPr>
          <a:xfrm>
            <a:off x="6041458" y="4155440"/>
            <a:ext cx="700339" cy="0"/>
          </a:xfrm>
          <a:prstGeom prst="straightConnector1">
            <a:avLst/>
          </a:prstGeom>
          <a:ln w="9525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0" name="Straight Arrow Connector 459">
            <a:extLst>
              <a:ext uri="{FF2B5EF4-FFF2-40B4-BE49-F238E27FC236}">
                <a16:creationId xmlns:a16="http://schemas.microsoft.com/office/drawing/2014/main" id="{5D684587-DFE6-4B1F-AC8F-FC13EF80552A}"/>
              </a:ext>
            </a:extLst>
          </p:cNvPr>
          <p:cNvCxnSpPr>
            <a:cxnSpLocks/>
            <a:stCxn id="478" idx="0"/>
            <a:endCxn id="312" idx="1"/>
          </p:cNvCxnSpPr>
          <p:nvPr/>
        </p:nvCxnSpPr>
        <p:spPr>
          <a:xfrm>
            <a:off x="8323451" y="4807204"/>
            <a:ext cx="305808" cy="0"/>
          </a:xfrm>
          <a:prstGeom prst="straightConnector1">
            <a:avLst/>
          </a:prstGeom>
          <a:ln w="9525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2" name="Straight Arrow Connector 461">
            <a:extLst>
              <a:ext uri="{FF2B5EF4-FFF2-40B4-BE49-F238E27FC236}">
                <a16:creationId xmlns:a16="http://schemas.microsoft.com/office/drawing/2014/main" id="{C53C2248-BDD6-4F96-B3E8-BACFCCC0151D}"/>
              </a:ext>
            </a:extLst>
          </p:cNvPr>
          <p:cNvCxnSpPr>
            <a:stCxn id="312" idx="3"/>
            <a:endCxn id="320" idx="1"/>
          </p:cNvCxnSpPr>
          <p:nvPr/>
        </p:nvCxnSpPr>
        <p:spPr>
          <a:xfrm>
            <a:off x="9581759" y="4807204"/>
            <a:ext cx="305807" cy="0"/>
          </a:xfrm>
          <a:prstGeom prst="straightConnector1">
            <a:avLst/>
          </a:prstGeom>
          <a:ln w="9525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Connector: Elbow 463">
            <a:extLst>
              <a:ext uri="{FF2B5EF4-FFF2-40B4-BE49-F238E27FC236}">
                <a16:creationId xmlns:a16="http://schemas.microsoft.com/office/drawing/2014/main" id="{1F71FA4C-BA14-4F6E-87A0-929D0922964C}"/>
              </a:ext>
            </a:extLst>
          </p:cNvPr>
          <p:cNvCxnSpPr>
            <a:cxnSpLocks/>
            <a:stCxn id="424" idx="1"/>
            <a:endCxn id="372" idx="1"/>
          </p:cNvCxnSpPr>
          <p:nvPr/>
        </p:nvCxnSpPr>
        <p:spPr>
          <a:xfrm rot="16200000" flipH="1">
            <a:off x="4716379" y="3782861"/>
            <a:ext cx="395732" cy="349426"/>
          </a:xfrm>
          <a:prstGeom prst="bentConnector2">
            <a:avLst/>
          </a:prstGeom>
          <a:ln w="9525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" name="Connector: Elbow 467">
            <a:extLst>
              <a:ext uri="{FF2B5EF4-FFF2-40B4-BE49-F238E27FC236}">
                <a16:creationId xmlns:a16="http://schemas.microsoft.com/office/drawing/2014/main" id="{3798E8C1-F13B-4762-8616-F77C05A8E1D4}"/>
              </a:ext>
            </a:extLst>
          </p:cNvPr>
          <p:cNvCxnSpPr>
            <a:stCxn id="356" idx="0"/>
            <a:endCxn id="238" idx="1"/>
          </p:cNvCxnSpPr>
          <p:nvPr/>
        </p:nvCxnSpPr>
        <p:spPr>
          <a:xfrm rot="5400000" flipH="1" flipV="1">
            <a:off x="6428157" y="2934004"/>
            <a:ext cx="395732" cy="231548"/>
          </a:xfrm>
          <a:prstGeom prst="bentConnector2">
            <a:avLst/>
          </a:prstGeom>
          <a:ln w="9525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" name="Connector: Elbow 469">
            <a:extLst>
              <a:ext uri="{FF2B5EF4-FFF2-40B4-BE49-F238E27FC236}">
                <a16:creationId xmlns:a16="http://schemas.microsoft.com/office/drawing/2014/main" id="{656AD2FC-9259-4666-AAC1-6FC2E73A3FC2}"/>
              </a:ext>
            </a:extLst>
          </p:cNvPr>
          <p:cNvCxnSpPr>
            <a:cxnSpLocks/>
            <a:stCxn id="390" idx="0"/>
            <a:endCxn id="244" idx="2"/>
          </p:cNvCxnSpPr>
          <p:nvPr/>
        </p:nvCxnSpPr>
        <p:spPr>
          <a:xfrm flipV="1">
            <a:off x="7694297" y="3759708"/>
            <a:ext cx="703414" cy="395732"/>
          </a:xfrm>
          <a:prstGeom prst="bentConnector2">
            <a:avLst/>
          </a:prstGeom>
          <a:ln w="9525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" name="Connector: Elbow 471">
            <a:extLst>
              <a:ext uri="{FF2B5EF4-FFF2-40B4-BE49-F238E27FC236}">
                <a16:creationId xmlns:a16="http://schemas.microsoft.com/office/drawing/2014/main" id="{BEA21DC2-FD48-40F9-BFC2-2E650F614E58}"/>
              </a:ext>
            </a:extLst>
          </p:cNvPr>
          <p:cNvCxnSpPr>
            <a:cxnSpLocks/>
            <a:stCxn id="244" idx="1"/>
            <a:endCxn id="390" idx="3"/>
          </p:cNvCxnSpPr>
          <p:nvPr/>
        </p:nvCxnSpPr>
        <p:spPr>
          <a:xfrm rot="10800000" flipV="1">
            <a:off x="7218047" y="3503676"/>
            <a:ext cx="703414" cy="395732"/>
          </a:xfrm>
          <a:prstGeom prst="bentConnector2">
            <a:avLst/>
          </a:prstGeom>
          <a:ln w="9525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9" name="Connector: Elbow 488">
            <a:extLst>
              <a:ext uri="{FF2B5EF4-FFF2-40B4-BE49-F238E27FC236}">
                <a16:creationId xmlns:a16="http://schemas.microsoft.com/office/drawing/2014/main" id="{6D3A422D-EB79-4731-90E8-861FFD925B7F}"/>
              </a:ext>
            </a:extLst>
          </p:cNvPr>
          <p:cNvCxnSpPr>
            <a:stCxn id="320" idx="3"/>
            <a:endCxn id="398" idx="1"/>
          </p:cNvCxnSpPr>
          <p:nvPr/>
        </p:nvCxnSpPr>
        <p:spPr>
          <a:xfrm flipV="1">
            <a:off x="10840066" y="4411472"/>
            <a:ext cx="387525" cy="395732"/>
          </a:xfrm>
          <a:prstGeom prst="bentConnector2">
            <a:avLst/>
          </a:prstGeom>
          <a:ln w="9525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1" name="Connector: Elbow 490">
            <a:extLst>
              <a:ext uri="{FF2B5EF4-FFF2-40B4-BE49-F238E27FC236}">
                <a16:creationId xmlns:a16="http://schemas.microsoft.com/office/drawing/2014/main" id="{F8BB6B31-85E8-4CA7-B2CC-4C1467DE4FBB}"/>
              </a:ext>
            </a:extLst>
          </p:cNvPr>
          <p:cNvCxnSpPr>
            <a:cxnSpLocks/>
            <a:stCxn id="398" idx="2"/>
            <a:endCxn id="312" idx="0"/>
          </p:cNvCxnSpPr>
          <p:nvPr/>
        </p:nvCxnSpPr>
        <p:spPr>
          <a:xfrm rot="10800000" flipV="1">
            <a:off x="9105509" y="4155440"/>
            <a:ext cx="1645832" cy="395732"/>
          </a:xfrm>
          <a:prstGeom prst="bentConnector2">
            <a:avLst/>
          </a:prstGeom>
          <a:ln w="9525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4" name="Connector: Elbow 493">
            <a:extLst>
              <a:ext uri="{FF2B5EF4-FFF2-40B4-BE49-F238E27FC236}">
                <a16:creationId xmlns:a16="http://schemas.microsoft.com/office/drawing/2014/main" id="{4345EF56-9F19-4221-BD17-41A35803D48B}"/>
              </a:ext>
            </a:extLst>
          </p:cNvPr>
          <p:cNvCxnSpPr>
            <a:stCxn id="398" idx="3"/>
            <a:endCxn id="364" idx="3"/>
          </p:cNvCxnSpPr>
          <p:nvPr/>
        </p:nvCxnSpPr>
        <p:spPr>
          <a:xfrm rot="16200000" flipV="1">
            <a:off x="10835963" y="3507779"/>
            <a:ext cx="395732" cy="387525"/>
          </a:xfrm>
          <a:prstGeom prst="bentConnector2">
            <a:avLst/>
          </a:prstGeom>
          <a:ln w="9525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6" name="Connector: Elbow 495">
            <a:extLst>
              <a:ext uri="{FF2B5EF4-FFF2-40B4-BE49-F238E27FC236}">
                <a16:creationId xmlns:a16="http://schemas.microsoft.com/office/drawing/2014/main" id="{283FC85B-0A7C-451D-A269-A5C9493F5534}"/>
              </a:ext>
            </a:extLst>
          </p:cNvPr>
          <p:cNvCxnSpPr>
            <a:stCxn id="364" idx="0"/>
            <a:endCxn id="240" idx="1"/>
          </p:cNvCxnSpPr>
          <p:nvPr/>
        </p:nvCxnSpPr>
        <p:spPr>
          <a:xfrm rot="5400000" flipH="1" flipV="1">
            <a:off x="10359712" y="2856016"/>
            <a:ext cx="395732" cy="387525"/>
          </a:xfrm>
          <a:prstGeom prst="bentConnector2">
            <a:avLst/>
          </a:prstGeom>
          <a:ln w="9525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8" name="Connector: Elbow 497">
            <a:extLst>
              <a:ext uri="{FF2B5EF4-FFF2-40B4-BE49-F238E27FC236}">
                <a16:creationId xmlns:a16="http://schemas.microsoft.com/office/drawing/2014/main" id="{094862DF-421C-4B6D-B634-DD7037696B03}"/>
              </a:ext>
            </a:extLst>
          </p:cNvPr>
          <p:cNvCxnSpPr>
            <a:stCxn id="244" idx="3"/>
            <a:endCxn id="234" idx="2"/>
          </p:cNvCxnSpPr>
          <p:nvPr/>
        </p:nvCxnSpPr>
        <p:spPr>
          <a:xfrm flipV="1">
            <a:off x="8873961" y="3107944"/>
            <a:ext cx="231548" cy="395732"/>
          </a:xfrm>
          <a:prstGeom prst="bentConnector2">
            <a:avLst/>
          </a:prstGeom>
          <a:ln w="9525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" name="Connector: Elbow 499">
            <a:extLst>
              <a:ext uri="{FF2B5EF4-FFF2-40B4-BE49-F238E27FC236}">
                <a16:creationId xmlns:a16="http://schemas.microsoft.com/office/drawing/2014/main" id="{58684363-6772-445B-B186-DD0230D3BD55}"/>
              </a:ext>
            </a:extLst>
          </p:cNvPr>
          <p:cNvCxnSpPr>
            <a:stCxn id="234" idx="1"/>
            <a:endCxn id="244" idx="0"/>
          </p:cNvCxnSpPr>
          <p:nvPr/>
        </p:nvCxnSpPr>
        <p:spPr>
          <a:xfrm rot="10800000" flipV="1">
            <a:off x="8397711" y="2851912"/>
            <a:ext cx="231548" cy="395732"/>
          </a:xfrm>
          <a:prstGeom prst="bentConnector2">
            <a:avLst/>
          </a:prstGeom>
          <a:ln w="9525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Box 14">
            <a:extLst>
              <a:ext uri="{FF2B5EF4-FFF2-40B4-BE49-F238E27FC236}">
                <a16:creationId xmlns:a16="http://schemas.microsoft.com/office/drawing/2014/main" id="{EE765A6E-5E41-470A-99F7-771967332EC8}"/>
              </a:ext>
            </a:extLst>
          </p:cNvPr>
          <p:cNvSpPr txBox="1"/>
          <p:nvPr/>
        </p:nvSpPr>
        <p:spPr>
          <a:xfrm>
            <a:off x="5448362" y="3305809"/>
            <a:ext cx="389668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/>
              <a:t>Yes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5C5796C9-ECE2-431D-9311-C47FD25FE365}"/>
              </a:ext>
            </a:extLst>
          </p:cNvPr>
          <p:cNvSpPr txBox="1"/>
          <p:nvPr/>
        </p:nvSpPr>
        <p:spPr>
          <a:xfrm>
            <a:off x="4454264" y="3861308"/>
            <a:ext cx="349425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/>
              <a:t>No</a:t>
            </a:r>
          </a:p>
        </p:txBody>
      </p:sp>
      <p:sp>
        <p:nvSpPr>
          <p:cNvPr id="200" name="TextBox 199">
            <a:extLst>
              <a:ext uri="{FF2B5EF4-FFF2-40B4-BE49-F238E27FC236}">
                <a16:creationId xmlns:a16="http://schemas.microsoft.com/office/drawing/2014/main" id="{61048629-BEF8-4196-8020-D0A9D7F26627}"/>
              </a:ext>
            </a:extLst>
          </p:cNvPr>
          <p:cNvSpPr txBox="1"/>
          <p:nvPr/>
        </p:nvSpPr>
        <p:spPr>
          <a:xfrm>
            <a:off x="6914443" y="4485211"/>
            <a:ext cx="389668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/>
              <a:t>Yes</a:t>
            </a:r>
          </a:p>
        </p:txBody>
      </p:sp>
      <p:cxnSp>
        <p:nvCxnSpPr>
          <p:cNvPr id="21" name="Connector: Elbow 20">
            <a:extLst>
              <a:ext uri="{FF2B5EF4-FFF2-40B4-BE49-F238E27FC236}">
                <a16:creationId xmlns:a16="http://schemas.microsoft.com/office/drawing/2014/main" id="{0FD55CEF-62D3-4468-8F76-17A028587588}"/>
              </a:ext>
            </a:extLst>
          </p:cNvPr>
          <p:cNvCxnSpPr>
            <a:cxnSpLocks/>
            <a:stCxn id="390" idx="1"/>
            <a:endCxn id="478" idx="2"/>
          </p:cNvCxnSpPr>
          <p:nvPr/>
        </p:nvCxnSpPr>
        <p:spPr>
          <a:xfrm rot="16200000" flipH="1">
            <a:off x="7096633" y="4532886"/>
            <a:ext cx="395732" cy="152904"/>
          </a:xfrm>
          <a:prstGeom prst="bentConnector2">
            <a:avLst/>
          </a:prstGeom>
          <a:ln w="9525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7" name="TextBox 206">
            <a:extLst>
              <a:ext uri="{FF2B5EF4-FFF2-40B4-BE49-F238E27FC236}">
                <a16:creationId xmlns:a16="http://schemas.microsoft.com/office/drawing/2014/main" id="{6AA885B7-44EF-475C-B439-B90B99E10B48}"/>
              </a:ext>
            </a:extLst>
          </p:cNvPr>
          <p:cNvSpPr txBox="1"/>
          <p:nvPr/>
        </p:nvSpPr>
        <p:spPr>
          <a:xfrm>
            <a:off x="7816238" y="3953669"/>
            <a:ext cx="349425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/>
              <a:t>No</a:t>
            </a:r>
          </a:p>
        </p:txBody>
      </p:sp>
      <p:sp>
        <p:nvSpPr>
          <p:cNvPr id="208" name="TextBox 207">
            <a:extLst>
              <a:ext uri="{FF2B5EF4-FFF2-40B4-BE49-F238E27FC236}">
                <a16:creationId xmlns:a16="http://schemas.microsoft.com/office/drawing/2014/main" id="{F0E4A9FC-3C0A-4E84-9446-8DFA91E5FE57}"/>
              </a:ext>
            </a:extLst>
          </p:cNvPr>
          <p:cNvSpPr txBox="1"/>
          <p:nvPr/>
        </p:nvSpPr>
        <p:spPr>
          <a:xfrm>
            <a:off x="10407364" y="3951541"/>
            <a:ext cx="349425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/>
              <a:t>No</a:t>
            </a:r>
          </a:p>
        </p:txBody>
      </p:sp>
      <p:sp>
        <p:nvSpPr>
          <p:cNvPr id="209" name="TextBox 208">
            <a:extLst>
              <a:ext uri="{FF2B5EF4-FFF2-40B4-BE49-F238E27FC236}">
                <a16:creationId xmlns:a16="http://schemas.microsoft.com/office/drawing/2014/main" id="{0D118091-5FB0-4D12-B271-08F3CEAA3A0B}"/>
              </a:ext>
            </a:extLst>
          </p:cNvPr>
          <p:cNvSpPr txBox="1"/>
          <p:nvPr/>
        </p:nvSpPr>
        <p:spPr>
          <a:xfrm>
            <a:off x="11188340" y="3615087"/>
            <a:ext cx="389668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/>
              <a:t>Yes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CD4F2E5-86A0-0299-08D0-4C47BEA0BEE0}"/>
              </a:ext>
            </a:extLst>
          </p:cNvPr>
          <p:cNvSpPr txBox="1"/>
          <p:nvPr/>
        </p:nvSpPr>
        <p:spPr>
          <a:xfrm>
            <a:off x="2259076" y="632389"/>
            <a:ext cx="7322683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Auto-generated swimlane diagram with Office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6868566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g5LCJSIjowLCJHIjowLCJCIjow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EuMCwiTGluZVR5cGUiOjAsIlBhcmVudFN0eWxlIjpudWxsfSwiVmVydGljYWxDb25uZWN0b3JTdHlsZSI6eyIkaWQiOiIyOSIsIkxpbmVDb2xvciI6eyIkaWQiOiIzMCIsIiR0eXBlIjoiTkxSRS5Db21tb24uRG9tLlNvbGlkQ29sb3JCcnVzaCwgTkxSRS5Db21tb24iLCJDb2xvciI6eyIkaWQiOiIz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MTAsIkZvbnROYW1lIjoiQ2FsaWJyaSIsIklzQm9sZCI6ZmFsc2UsIklzSXRhbGljIjpmYWxzZSwiSXNVbmRlcmxpbmVkIjpmYWxzZSwiUGFyZW50U3R5bGUiOm51bGx9LCJBdXRvU2l6ZSI6MCwiRm9yZWdyb3VuZCI6eyIkaWQiOiI1MSIsIkNvbG9yIjp7IiRpZCI6IjU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yZWYiOiIyNCJ9fSwiSXNWaXNpYmxlIjp0cnVlLCJXaWR0aCI6MC4wLCJIZWlnaHQiOjAuMCwiQm9yZGVyU3R5bGUiOnsiJGlkIjoiNTYiLCJMaW5lQ29sb3IiOm51bGwsIkxpbmVXZWlnaHQiOjAuMCwiTGluZVR5cGUiOjAsIlBhcmVudFN0eWxlIjpudWxsfSwiUGFyZW50U3R5bGUiOm51bGx9LCJEYXRlRm9ybWF0Ijp7IiRpZCI6I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YxIiwiVG9wIjowLjAsIkxlZnQiOjAuMCwiUmlnaHQiOjAuMCwiQm90dG9tIjowLjB9LCJQYWRkaW5nIjp7IiRpZCI6IjE2MiIsIlRvcCI6MC4wLCJMZWZ0IjowLjAsIlJpZ2h0IjowLjAsIkJvdHRvbSI6MC4wfSwiQmFja2dyb3VuZCI6eyIkaWQiOiIxNjMiLCJDb2xvciI6eyIkcmVmIjoiNzEifX0sIklzVmlzaWJsZSI6dHJ1ZSwiV2lkdGgiOjAuMCwiSGVpZ2h0IjowLjAsIkJvcmRlclN0eWxlIjp7IiRpZCI6IjE2NCIsIkxpbmVDb2xvciI6bnVsbCwiTGluZVdlaWdodCI6MC4wLCJMaW5lVHlwZSI6MCwiUGFyZW50U3R5bGUiOm51bGx9LCJQYXJlbnRTdHlsZSI6bnVsbH0sIkR1cmF0aW9u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MwIiwiTWFyZ2luIjp7IiRyZWYiOiIyODgifSwiUGFkZGluZyI6eyIkcmVmIjoiMjg5In0sIkJhY2tncm91bmQiOnsiJGlkIjoiMzMxIiwiQ29sb3IiOnsiJGlkIjoiMzMyIiwiQSI6MjU1LCJSIjo5MSwiRyI6MTU1LCJCIjoyMTN9fSwiSXNWaXNpYmxlIjp0cnVlLCJXaWR0aCI6OTMuNTk5OTk4NDc0MTIxMSwiSGVpZ2h0Ijo0MC4zMTk5OTk2OTQ4MjQyMTk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HJlZiI6IjMwOSJ9LCJJc1Zpc2libGUiOnRydWUsIldpZHRoIjowLjAsIkhlaWdodCI6MC4wLCJCb3JkZXJTdHlsZSI6eyIkaWQiOiI0NTciLCJMaW5lQ29sb3IiOm51bGwsIkxpbmVXZWlnaHQiOjAuMCwiTGluZVR5cGUiOjAsIlBhcmVudFN0eWxlIjpudWxsfSwiUGFyZW50U3R5bGUiOm51bGx9LCJEYXRlRm9ybWF0Ijp7IiRpZCI6IjQ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0NSIsIlRvcCI6MC4wLCJMZWZ0IjowLjAsIlJpZ2h0IjowLjAsIkJvdHRvbSI6MC4wfSwiUGFkZGluZyI6eyIkaWQiOiI5NDYiLCJUb3AiOjAuMCwiTGVmdCI6MC4wLCJSaWdodCI6MC4wLCJCb3R0b20iOjAuMH0sIkJhY2tncm91bmQiOnsiJGlkIjoiOTQ3IiwiQ29sb3IiOnsiJHJlZiI6IjI3OSJ9fSwiSXNWaXNpYmxlIjpmYWxzZSwiV2lkdGgiOjAuMCwiSGVpZ2h0IjowLjAsIkJvcmRlclN0eWxlIjpudWxsLCJQYXJlbnRTdHlsZSI6bnVsbH0sIkRhdGVGb3JtYXQiOnsiJGlkIjoiOT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c0IiwiRm9ybWF0IjowLCJJc1Zpc2libGUiOmZhbHNlLCJMYXN0S25vd25WaXNpYmlsaXR5U3RhdGUiOmZhbHNlfSwiSXNWaXNpYmxlIjp0cnVlLCJQYXJlbnRTdHlsZSI6bnVsbCwiX2V4cGxpY2l0bHlTZXQiOnsiJGlkIjoiOTc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5NDUifSwiUGFkZGluZyI6eyIkcmVmIjoiOTQ2In0sIkJhY2tncm91bmQiOnsiJGlkIjoiMTE1OSIsIkNvbG9yIjp7IiRpZCI6IjExNjAiLCJBIjowLCJSIjoyNTUsIkciOjI1NSwiQiI6MjU1fX0sIklzVmlzaWJsZSI6ZmFsc2UsIldpZHRoIjowLjAsIkhlaWdodCI6MC4wLCJCb3JkZXJTdHlsZSI6eyIkaWQiOiIxMTYxIiwiTGluZUNvbG9yIjpudWxsLCJMaW5lV2VpZ2h0IjowLjAsIkxpbmVUeXBlIjowLCJQYXJlbnRTdHlsZSI6bnVsbH0sIlBhcmVudFN0eWxlIjpudWxsfSwiRGF0ZUZvcm1hdCI6eyIkaWQiOiIxMT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2NCxcIkdcIjo2NCxcIkJcIjo2NH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i4wLFwiUmlnaHRcIjoxMi4wLFwiQm90dG9tXCI6MC4wfSxcIlBhZGRpbmdcIjp7XCIkaWRcIjpcIjE1XCIsXCJUb3BcIjo3LjAsXCJMZWZ0XCI6MC4wLFwiUmlnaHRcIjowLjAsXCJCb3R0b21cIjo3LjB9LFwiQmFja2dyb3VuZFwiOntcIiRpZFwiOlwiMTZcIixcIkNvbG9yXCI6e1wiJGlkXCI6XCIxN1wiLFwiQVwiOjI1NSxcIlJcIjo2NCxcIkdcIjo2NCxcIkJcIjo2NH19LFwiSXNWaXNpYmxlXCI6dHJ1ZSxcIldpZHRoXCI6ODU4LjAsXCJIZWlnaHRcIjoz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i4wLFwiUmlnaHRcIjoxMi4wLFwiQm90dG9tXCI6MC4wfSxcIlBhZGRpbmdcIjp7XCIkaWRcIjpcIjIzXCIsXCJUb3BcIjo3LjAsXCJMZWZ0XCI6MC4wLFwiUmlnaHRcIjowLjAsXCJCb3R0b21cIjo3LjB9LFwiQmFja2dyb3VuZFwiOntcIiRpZFwiOlwiMjRcIixcIkNvbG9yXCI6e1wiJGlkXCI6XCIyNVwiLFwiQVwiOjI1NSxcIlJcIjo2NCxcIkdcIjo2NCxcIkJcIjo2NH19LFwiSXNWaXNpYmxlXCI6dHJ1ZSxcIldpZHRoXCI6ODU4LjAsXCJIZWlnaHRcIjoz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S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1LjAsXCJCb3R0b21cIjowLjB9LFwiUGFkZGluZ1wiOntcIiRpZFwiOlwiMzRcIixcIlRvcFwiOjAuMCxcIkxlZnRcIjowLjAsXCJSaWdodFwiOjAuMCxcIkJvdHRvbVwiOjAuMH0sXCJCYWNrZ3JvdW5kXCI6e1wiJGlkXCI6XCIzNVwiLFwiQ29sb3JcIjp7XCIkaWRcIjpcIjM2XCIsXCJBXCI6ODksXCJSXCI6MCxcIkdcIjowLFwiQlwiOjB9fSxcIklzVmlzaWJsZVwiOmZhbHNlLFwiV2lkdGhcIjowLjAsXCJIZWlnaHRcIjowLjAsXCJCb3JkZXJTdHlsZVwiOm51bGx9LFwiTGVmdEVuZENhcHNTdHlsZVwiOntcIiRpZFwiOlwiMzdcIixcIkZvbnRTZXR0aW5nc1wiOntcIiRpZFwiOlwiMzhcIixcIkZvbnRTaXplXCI6MzI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U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AsXCJIYXNCZWVuVmlzaWJsZUJlZm9yZVwiOnRydWUsXCJGb250U2V0dGluZ3NcIjp7XCIkaWRcIjpcIjU3XCIsXCJGb250U2l6ZVwiOjE0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wLFwiSGFzQmVlblZpc2libGVCZWZvcmVcIjpmYWxzZSxcIkZvbnRTZXR0aW5nc1wiOntcIiRpZFwiOlwiNjRcIixcIkZvbnRTaXplXCI6MTQ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g5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AsXCJIYXNCZWVuVmlzaWJsZUJlZm9yZVwiOmZhbHNlLFwiRm9udFNldHRpbmdzXCI6e1wiJGlkXCI6XCI3MlwiLFwiRm9udFNpemVcIjoxNC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ODk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dHJ1ZSxcIkVsYXBzZWRUaW1lRm9ybWF0XCI6MixcIlRvZGF5TWFya2VyUG9zaXRpb25cIjowLFwiUXVpY2tQb3NpdGlvblwiOjMsXCJBYnNvbHV0ZVBvc2l0aW9uXCI6MTI5LjU5OTk5MS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A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S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ZmFsc2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csXCJTaGFwZVRoaWNrbmVzc1wiOjAsXCJEdXJhdGlvbkZvcm1hdFwiOjU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4LFwiR1wiOjIzNixcIkJcIjoyMjV9fSxcIkJhY2tncm91bmRGaWxsVHlwZVwiOjAsXCJNYXhXaWR0aFwiOjIwMC4wLFwiTWF4SGVpZ2h0XCI6XCJJbmZpbml0eVwiLFwiU21hcnRGb3JlZ3JvdW5kSXNBY3RpdmVcIjpmYWxzZSxcIkhvcml6b250YWxBbGlnbm1lbnRcIjox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YsXCJFbmREYXRlUG9zaXRpb25cIjo2LFwiVGl0bGVQb3NpdGlvblwiOjUsXCJEdXJhdGlvblBvc2l0aW9uXCI6NixcIlBlcmNlbnRhZ2VDb21wbGV0ZWRQb3NpdGlvblwiOjIsXCJTcGFjaW5nXCI6MyxcIklzQmVsb3dUaW1lYmFuZFwiOnRydW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wNlwiLFwiVG9wXCI6MC4wLFwiTGVmdFwiOjAuMCxcIlJpZ2h0XCI6MC4wLFwiQm90dG9tXCI6MC4wfSxcIlBhZGRpbmdcIjp7XCIkaWRcIjpcIjIwN1wiLFwiVG9wXCI6MC4wLFwiTGVmdFwiOjAuMCxcIlJpZ2h0XCI6MC4wLFwiQm90dG9tXCI6MC4wfSxcIkJhY2tncm91bmRcIjp7XCIkcmVmXCI6XCIxMTJcIn0sXCJJc1Zpc2libGVcIjp0cnVlLFwiV2lkdGhcIjowLjAsXCJIZWlnaHRcIjowLjAsXCJCb3JkZXJTdHlsZVwiOntcIiRpZFwiOlwiMjA4XCIsXCJMaW5lQ29sb3JcIjpudWxsLFwiTGluZVdlaWdodFwiOjAuMCxcIkxpbmVUeXBlXCI6MH19LFwiRGF0ZUZvcm1hdFwiOntcIiRpZFwiOlwiMjA5XCIsXCJGb3JtYXRTdHJpbmdcIjpcInl5eXkvTU1N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zNVwiLFwiVG9wXCI6MC4wLFwiTGVmdFwiOjAuMCxcIlJpZ2h0XCI6MC4wLFwiQm90dG9tXCI6MC4wfSxcIlBhZGRpbmdcIjp7XCIkaWRcIjpcIjIzNlwiLFwiVG9wXCI6MC4wLFwiTGVmdFwiOjAuMCxcIlJpZ2h0XCI6MC4wLFwiQm90dG9tXCI6MC4wfSxcIkJhY2tncm91bmRcIjp7XCIkcmVmXCI6XCIxMTJcIn0sXCJJc1Zpc2libGVcIjp0cnVlLFwiV2lkdGhcIjowLjAsXCJIZWlnaHRcIjowLjAsXCJCb3JkZXJTdHlsZVwiOntcIiRpZFwiOlwiMjM3XCIsXCJMaW5lQ29sb3JcIjpudWxsLFwiTGluZVdlaWdodFwiOjAuMCxcIkxpbmVUeXBlXCI6MH19LFwiRGF0ZUZvcm1hdFwiOntcIiRpZFwiOlwiMjM4XCIsXCJGb3JtYXRTdHJpbmdcIjpcInl5eXkvTU1N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NjRcIixcIlRvcFwiOjAuMCxcIkxlZnRcIjowLjAsXCJSaWdodFwiOjAuMCxcIkJvdHRvbVwiOjAuMH0sXCJQYWRkaW5nXCI6e1wiJGlkXCI6XCIyNjVcIixcIlRvcFwiOjAuMCxcIkxlZnRcIjowLjAsXCJSaWdodFwiOjAuMCxcIkJvdHRvbVwiOjAuMH0sXCJCYWNrZ3JvdW5kXCI6e1wiJHJlZlwiOlwiMTEyXCJ9LFwiSXNWaXNpYmxlXCI6dHJ1ZSxcIldpZHRoXCI6MC4wLFwiSGVpZ2h0XCI6MC4wLFwiQm9yZGVyU3R5bGVcIjp7XCIkaWRcIjpcIjI2NlwiLFwiTGluZUNvbG9yXCI6bnVsbCxcIkxpbmVXZWlnaHRcIjowLjAsXCJMaW5lVHlwZVwiOjB9fSxcIkRhdGVGb3JtYXRcIjp7XCIkaWRcIjpcIjI2N1wiLFwiRm9ybWF0U3RyaW5nXCI6XCJ5eXl5L01NT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M3XCIsXCJUYXNrU3R5bGVcIjp7XCIkaWRcIjpcIjQzOFwiLFwiU2hhcGVcIjo3LFwiU2hhcGVUaGlja25lc3NcIjowLFwiRHVyYXRpb25Gb3JtYXRcIjowLFwiUGVyY2VudGFnZUNvbXBsZXRlU3R5bGVcIjp7XCIkaWRcIjpcIjQzOVwiLFwiRm9udFNldHRpbmdzXCI6e1wiJGlkXCI6XCI0NDBcIixcIkZvbnRTaXplXCI6MTAsXCJGb250TmFtZVwiOlwiQ2FsaWJyaVwiLFwiSXNCb2xkXCI6dHJ1ZSxcIklzSXRhbGljXCI6ZmFsc2UsXCJJc1VuZGVybGluZWRcIjpmYWxzZX0sXCJBdXRvU2l6ZVwiOjAsXCJGb3JlZ3JvdW5kXCI6e1wiJGlkXCI6XCI0NDFcIixcIkNvbG9yXCI6e1wiJGlkXCI6XCI0NDJcIixcIkFcIjoyNTUsXCJSXCI6MTI3LFwiR1wiOjk2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fSx7XCIkaWRcIjpcIjUwMFwiLFwiVGFza1N0eWxlXCI6e1wiJGlkXCI6XCI1MDFcIixcIlNoYXBlXCI6NyxcIlNoYXBlVGhpY2tuZXNzXCI6MCxcIkR1cmF0aW9uRm9ybWF0XCI6MCxcIlBlcmNlbnRhZ2VDb21wbGV0ZVN0eWxlXCI6e1wiJGlkXCI6XCI1MDJcIixcIkZvbnRTZXR0aW5nc1wiOntcIiRpZFwiOlwiNTAzXCIsXCJGb250U2l6ZVwiOjEwLFwiRm9udE5hbWVcIjpcIkNhbGlicmlcIixcIklzQm9sZFwiOmZhbHNlLFwiSXNJdGFsaWNcIjpmYWxzZSxcIklzVW5kZXJsaW5lZFwiOmZhbHNlfSxcIkF1dG9TaXplXCI6MCxcIkZvcmVncm91bmRcIjp7XCIkaWRcIjpcIjUwNF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TM2XCIsXCJUYXNrU3R5bGVcIjp7XCIkaWRcIjpcIjUzN1wiLFwiU2hhcGVcIjo3LFwiU2hhcGVUaGlja25lc3NcIjowLFwiRHVyYXRpb25Gb3JtYXRcIjowLFwiUGVyY2VudGFnZUNvbXBsZXRlU3R5bGVcIjp7XCIkaWRcIjpcIjUzOFwiLFwiRm9udFNldHRpbmdzXCI6e1wiJGlkXCI6XCI1MzlcIixcIkZvbnRTaXplXCI6MTAsXCJGb250TmFtZVwiOlwiQ2FsaWJyaVwiLFwiSXNCb2xkXCI6dHJ1ZSxcIklzSXRhbGljXCI6ZmFsc2UsXCJJc1VuZGVybGluZWRcIjpmYWxzZX0sXCJBdXRvU2l6ZVwiOjAsXCJGb3JlZ3JvdW5kXCI6e1wiJGlkXCI6XCI1NDB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Tc0XCIsXCJUYXNrU3R5bGVcIjp7XCIkaWRcIjpcIjU3NVwiLFwiU2hhcGVcIjo3LFwiU2hhcGVUaGlja25lc3NcIjowLFwiRHVyYXRpb25Gb3JtYXRcIjowLFwiUGVyY2VudGFnZUNvbXBsZXRlU3R5bGVcIjp7XCIkaWRcIjpcIjU3NlwiLFwiRm9udFNldHRpbmdzXCI6e1wiJGlkXCI6XCI1NzdcIixcIkZvbnRTaXplXCI6MTAsXCJGb250TmFtZVwiOlwiQ2FsaWJyaVwiLFwiSXNCb2xkXCI6dHJ1ZSxcIklzSXRhbGljXCI6ZmFsc2UsXCJJc1VuZGVybGluZWRcIjpmYWxzZX0sXCJBdXRvU2l6ZVwiOjAsXCJGb3JlZ3JvdW5kXCI6e1wiJGlkXCI6XCI1NzhcIixcIkNvbG9yXCI6e1wiJGlkXCI6XCI1NzlcIixcIkFcIjoyNTUsXCJSXCI6MTI3LFwiR1wiOjk2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X0se1wiJGlkXCI6XCI2MTNcIixcIlN0eWxlXCI6e1wiJGlkXCI6XCI2MTRcIixcIkhlYWRlclN0eWxlXCI6e1wiJGlkXCI6XCI2MTVcIixcIlRleHRTdHlsZVwiOntcIiRpZFwiOlwiNjE2XCIsXCJGb250U2V0dGluZ3NcIjp7XCIkaWRcIjpcIjYxN1wiLFwiRm9udFNpemVcIjoxMixcIkZvbnROYW1lXCI6XCJDYWxpYnJpXCIsXCJJc0JvbGRcIjp0cnVlLFwiSXNJdGFsaWNcIjpmYWxzZSxcIklzVW5kZXJsaW5lZFwiOmZhbHNlfSxcIkF1dG9TaXplXCI6MCxcIkZvcmVncm91bmRcIjp7XCIkaWRcIjpcIjYxOFwiLFwiQ29sb3JcIjp7XCIkaWRcIjpcIjYxO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fSx7XCIkaWRcIjpcIjcwMlwiLFwiVGFza1N0eWxlXCI6e1wiJGlkXCI6XCI3MDNcIixcIlNoYXBlXCI6NyxcIlNoYXBlVGhpY2tuZXNzXCI6MCxcIkR1cmF0aW9uRm9ybWF0XCI6MCxcIlBlcmNlbnRhZ2VDb21wbGV0ZVN0eWxlXCI6e1wiJGlkXCI6XCI3MDRcIixcIkZvbnRTZXR0aW5nc1wiOntcIiRpZFwiOlwiNzA1XCIsXCJGb250U2l6ZVwiOjEwLFwiRm9udE5hbWVcIjpcIkNhbGlicmlcIixcIklzQm9sZFwiOmZhbHNlLFwiSXNJdGFsaWNcIjpmYWxzZSxcIklzVW5kZXJsaW5lZFwiOmZhbHNlfSxcIkF1dG9TaXplXCI6MCxcIkZvcmVncm91bmRcIjp7XCIkaWRcIjpcIjcwNl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zQwXCIsXCJUYXNrU3R5bGVcIjp7XCIkaWRcIjpcIjc0MVwiLFwiU2hhcGVcIjo3LFwiU2hhcGVUaGlja25lc3NcIjowLFwiRHVyYXRpb25Gb3JtYXRcIjowLFwiUGVyY2VudGFnZUNvbXBsZXRlU3R5bGVcIjp7XCIkaWRcIjpcIjc0MlwiLFwiRm9udFNldHRpbmdzXCI6e1wiJGlkXCI6XCI3NDNcIixcIkZvbnRTaXplXCI6MTAsXCJGb250TmFtZVwiOlwiQ2FsaWJyaVwiLFwiSXNCb2xkXCI6ZmFsc2UsXCJJc0l0YWxpY1wiOmZhbHNlLFwiSXNVbmRlcmxpbmVkXCI6ZmFsc2V9LFwiQXV0b1NpemVcIjowLFwiRm9yZWdyb3VuZFwiOntcIiRpZFwiOlwiNzQ0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fSx7XCIkaWRcIjpcIjgwMlwiLFwiVGFza1N0eWxlXCI6e1wiJGlkXCI6XCI4MDNcIixcIlNoYXBlXCI6NyxcIlNoYXBlVGhpY2tuZXNzXCI6MCxcIkR1cmF0aW9uRm9ybWF0XCI6MCxcIlBlcmNlbnRhZ2VDb21wbGV0ZVN0eWxlXCI6e1wiJGlkXCI6XCI4MDRcIixcIkZvbnRTZXR0aW5nc1wiOntcIiRpZFwiOlwiODA1XCIsXCJGb250U2l6ZVwiOjEwLFwiRm9udE5hbWVcIjpcIkNhbGlicmlcIixcIklzQm9sZFwiOmZhbHNlLFwiSXNJdGFsaWNcIjpmYWxzZSxcIklzVW5kZXJsaW5lZFwiOmZhbHNlfSxcIkF1dG9TaXplXCI6MCxcIkZvcmVncm91bmRcIjp7XCIkaWRcIjpcIjgwNl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19LHtcIiRpZFwiOlwiODY2XCIsXCJUYXNrU3R5bGVcIjp7XCIkaWRcIjpcIjg2N1wiLFwiU2hhcGVcIjo3LFwiU2hhcGVUaGlja25lc3NcIjowLFwiRHVyYXRpb25Gb3JtYXRcIjowLFwiUGVyY2VudGFnZUNvbXBsZXRlU3R5bGVcIjp7XCIkaWRcIjpcIjg2OFwiLFwiRm9udFNldHRpbmdzXCI6e1wiJGlkXCI6XCI4NjlcIixcIkZvbnRTaXplXCI6MTAsXCJGb250TmFtZVwiOlwiQ2FsaWJyaVwiLFwiSXNCb2xkXCI6ZmFsc2UsXCJJc0l0YWxpY1wiOmZhbHNlLFwiSXNVbmRlcmxpbmVkXCI6ZmFsc2V9LFwiQXV0b1NpemVcIjowLFwiRm9yZWdyb3VuZFwiOntcIiRpZFwiOlwiODcw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5MDRcIixcIlRhc2tTdHlsZVwiOntcIiRpZFwiOlwiOTA1XCIsXCJTaGFwZVwiOjcsXCJTaGFwZVRoaWNrbmVzc1wiOjAsXCJEdXJhdGlvbkZvcm1hdFwiOjAsXCJQZXJjZW50YWdlQ29tcGxldGVTdHlsZVwiOntcIiRpZFwiOlwiOTA2XCIsXCJGb250U2V0dGluZ3NcIjp7XCIkaWRcIjpcIjkwN1wiLFwiRm9udFNpemVcIjoxMCxcIkZvbnROYW1lXCI6XCJDYWxpYnJpXCIsXCJJc0JvbGRcIjpmYWxzZSxcIklzSXRhbGljXCI6ZmFsc2UsXCJJc1VuZGVybGluZWRcIjpmYWxzZX0sXCJBdXRvU2l6ZVwiOjAsXCJGb3JlZ3JvdW5kXCI6e1wiJGlkXCI6XCI5MDh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AwNVwiLFwiVGFza1N0eWxlXCI6e1wiJGlkXCI6XCIxMDA2XCIsXCJTaGFwZVwiOjcsXCJTaGFwZVRoaWNrbmVzc1wiOjMsXCJEdXJhdGlvbkZvcm1hdFwiOjUsXCJQZXJjZW50YWdlQ29tcGxldGVTdHlsZVwiOntcIiRpZFwiOlwiMTAwN1wiLFwiRm9udFNldHRpbmdzXCI6e1wiJGlkXCI6XCIxMDA4XCIsXCJGb250U2l6ZVwiOjEwLFwiRm9udE5hbWVcIjpcIkNhbGlicmlcIixcIklzQm9sZFwiOmZhbHNlLFwiSXNJdGFsaWNcIjpmYWxzZSxcIklzVW5kZXJsaW5lZFwiOmZhbHNlfSxcIkF1dG9TaXplXCI6MCxcIkZvcmVncm91bmRcIjp7XCIkaWRcIjpcIjEwMDl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wNjdcIixcIlRvcFwiOjAuMCxcIkxlZnRcIjowLjAsXCJSaWdodFwiOjAuMCxcIkJvdHRvbVwiOjAuMH0sXCJQYWRkaW5nXCI6e1wiJGlkXCI6XCIxMDY4XCIsXCJUb3BcIjowLjAsXCJMZWZ0XCI6MC4wLFwiUmlnaHRcIjowLjAsXCJCb3R0b21cIjowLjB9LFwiQmFja2dyb3VuZFwiOntcIiRyZWZcIjpcIjExMlwifSxcIklzVmlzaWJsZVwiOnRydWUsXCJXaWR0aFwiOjAuMCxcIkhlaWdodFwiOjAuMCxcIkJvcmRlclN0eWxlXCI6e1wiJGlkXCI6XCIxMDY5XCIsXCJMaW5lQ29sb3JcIjpudWxsLFwiTGluZVdlaWdodFwiOjAuMCxcIkxpbmVUeXBlXCI6MH19LFwiRGF0ZUZvcm1hdFwiOntcIiRpZFwiOlwiMTA3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MDk1XCIsXCJUb3BcIjowLjAsXCJMZWZ0XCI6MC4wLFwiUmlnaHRcIjowLjAsXCJCb3R0b21cIjowLjB9LFwiUGFkZGluZ1wiOntcIiRpZFwiOlwiMTA5NlwiLFwiVG9wXCI6MC4wLFwiTGVmdFwiOjAuMCxcIlJpZ2h0XCI6MC4wLFwiQm90dG9tXCI6MC4wfSxcIkJhY2tncm91bmRcIjp7XCIkcmVmXCI6XCIxMTJcIn0sXCJJc1Zpc2libGVcIjp0cnVlLFwiV2lkdGhcIjowLjAsXCJIZWlnaHRcIjowLjAsXCJCb3JkZXJTdHlsZVwiOntcIiRpZFwiOlwiMTA5N1wiLFwiTGluZUNvbG9yXCI6bnVsbCxcIkxpbmVXZWlnaHRcIjowLjAsXCJMaW5lVHlwZVwiOjB9fSxcIkRhdGVGb3JtYXRcIjp7XCIkaWRcIjpcIjEwOT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EyM1wiLFwiVG9wXCI6MC4wLFwiTGVmdFwiOjAuMCxcIlJpZ2h0XCI6MC4wLFwiQm90dG9tXCI6MC4wfSxcIlBhZGRpbmdcIjp7XCIkaWRcIjpcIjExMjRcIixcIlRvcFwiOjAuMCxcIkxlZnRcIjowLjAsXCJSaWdodFwiOjAuMCxcIkJvdHRvbVwiOjAuMH0sXCJCYWNrZ3JvdW5kXCI6e1wiJHJlZlwiOlwiMTEyXCJ9LFwiSXNWaXNpYmxlXCI6dHJ1ZSxcIldpZHRoXCI6MC4wLFwiSGVpZ2h0XCI6MC4wLFwiQm9yZGVyU3R5bGVcIjp7XCIkaWRcIjpcIjExMjVcIixcIkxpbmVDb2xvclwiOm51bGwsXCJMaW5lV2VpZ2h0XCI6MC4wLFwiTGluZVR5cGVcIjowfX0sXCJEYXRlRm9ybWF0XCI6e1wiJGlkXCI6XCIxMTI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xNjVcIixcIlRhc2tTdHlsZVwiOntcIiRpZFwiOlwiMTE2NlwiLFwiU2hhcGVcIjo3LFwiU2hhcGVUaGlja25lc3NcIjozLFwiRHVyYXRpb25Gb3JtYXRcIjowLFwiUGVyY2VudGFnZUNvbXBsZXRlU3R5bGVcIjp7XCIkaWRcIjpcIjExNjdcIixcIkZvbnRTZXR0aW5nc1wiOntcIiRpZFwiOlwiMTE2OFwiLFwiRm9udFNpemVcIjoxMCxcIkZvbnROYW1lXCI6XCJDYWxpYnJpXCIsXCJJc0JvbGRcIjpmYWxzZSxcIklzSXRhbGljXCI6ZmFsc2UsXCJJc1VuZGVybGluZWRcIjpmYWxzZX0sXCJBdXRvU2l6ZVwiOjAsXCJGb3JlZ3JvdW5kXCI6e1wiJGlkXCI6XCIxMTY5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IyNFwiLFwiVG9wXCI6MC4wLFwiTGVmdFwiOjAuMCxcIlJpZ2h0XCI6MC4wLFwiQm90dG9tXCI6MC4wfSxcIlBhZGRpbmdcIjp7XCIkaWRcIjpcIjEyMjVcIixcIlRvcFwiOjAuMCxcIkxlZnRcIjowLjAsXCJSaWdodFwiOjAuMCxcIkJvdHRvbVwiOjAuMH0sXCJCYWNrZ3JvdW5kXCI6e1wiJHJlZlwiOlwiMTEyXCJ9LFwiSXNWaXNpYmxlXCI6dHJ1ZSxcIldpZHRoXCI6MC4wLFwiSGVpZ2h0XCI6MC4wLFwiQm9yZGVyU3R5bGVcIjp7XCIkaWRcIjpcIjEyMjZcIixcIkxpbmVDb2xvclwiOm51bGwsXCJMaW5lV2VpZ2h0XCI6MC4wLFwiTGluZVR5cGVcIjowfX0sXCJEYXRlRm9ybWF0XCI6e1wiJGlkXCI6XCIxMjI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I1MFwiLFwiVG9wXCI6MC4wLFwiTGVmdFwiOjAuMCxcIlJpZ2h0XCI6MC4wLFwiQm90dG9tXCI6MC4wfSxcIlBhZGRpbmdcIjp7XCIkaWRcIjpcIjEyNTFcIixcIlRvcFwiOjAuMCxcIkxlZnRcIjowLjAsXCJSaWdodFwiOjAuMCxcIkJvdHRvbVwiOjAuMH0sXCJCYWNrZ3JvdW5kXCI6e1wiJHJlZlwiOlwiMTEyXCJ9LFwiSXNWaXNpYmxlXCI6dHJ1ZSxcIldpZHRoXCI6MC4wLFwiSGVpZ2h0XCI6MC4wLFwiQm9yZGVyU3R5bGVcIjp7XCIkaWRcIjpcIjEyNTJcIixcIkxpbmVDb2xvclwiOm51bGwsXCJMaW5lV2VpZ2h0XCI6MC4wLFwiTGluZVR5cGVcIjowfX0sXCJEYXRlRm9ybWF0XCI6e1wiJGlkXCI6XCIxMjU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5Mzk5MzBkZC1hZDllLTRlZjAtYjk1YS00MjUxZmY1ZDdkZDVcIn0se1wiJGlkXCI6XCIxMjk5XCIsXCJUaXRsZVN0eWxlXCI6e1wiJGlkXCI6XCIxMzAwXCIsXCJGb250U2V0dGluZ3NcIjp7XCIkaWRcIjpcIjEzMDFcIixcIkZvbnRTaXplXCI6MTEsXCJGb250TmFtZVwiOlwiQ2FsaWJyaVwiLFwiSXNCb2xkXCI6dHJ1ZSxcIklzSXRhbGljXCI6ZmFsc2UsXCJJc1VuZGVybGluZWRcIjpmYWxzZX0sXCJBdXRvU2l6ZVwiOjAsXCJGb3JlZ3JvdW5kXCI6e1wiJGlkXCI6XCIxMzAyXCIsXCJDb2xvclwiOntcIiRpZFwiOlwiMTMwM1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5Mzk5MzBkZC1hZDllLTRlZjAtYjk1YS00MjUxZmY1ZDdkZDVcIn0se1wiJGlkXCI6XCIxMzE4XCIsXCJUaXRsZVN0eWxlXCI6e1wiJGlkXCI6XCIxMzE5XCIsXCJGb250U2V0dGluZ3NcIjp7XCIkaWRcIjpcIjEzMjBcIixcIkZvbnRTaXplXCI6MTEsXCJGb250TmFtZVwiOlwiQ2FsaWJyaVwiLFwiSXNCb2xkXCI6dHJ1ZSxcIklzSXRhbGljXCI6ZmFsc2UsXCJJc1VuZGVybGluZWRcIjpmYWxzZX0sXCJBdXRvU2l6ZVwiOjAsXCJGb3JlZ3JvdW5kXCI6e1wiJGlkXCI6XCIxMzIxXCIsXCJDb2xvclwiOntcIiRpZFwiOlwiMTMyMl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5Mzk5MzBkZC1hZDllLTRlZjAtYjk1YS00MjUxZmY1ZDdkZDVcIn0se1wiJGlkXCI6XCIxMzM3XCIsXCJUaXRsZVN0eWxlXCI6e1wiJGlkXCI6XCIxMzM4XCIsXCJGb250U2V0dGluZ3NcIjp7XCIkaWRcIjpcIjEzMzlcIixcIkZvbnRTaXplXCI6MTEsXCJGb250TmFtZVwiOlwiQ2FsaWJyaVwiLFwiSXNCb2xkXCI6dHJ1ZSxcIklzSXRhbGljXCI6ZmFsc2UsXCJJc1VuZGVybGluZWRcIjpmYWxzZX0sXCJBdXRvU2l6ZVwiOjAsXCJGb3JlZ3JvdW5kXCI6e1wiJGlkXCI6XCIxMzQwXCIsXCJDb2xvclwiOntcIiRpZFwiOlwiMTM0MV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5Mzk5MzBkZC1hZDllLTRlZjAtYjk1YS00MjUxZmY1ZDdkZDVcIn0se1wiJGlkXCI6XCIxMzU2XCIsXCJUaXRsZVN0eWxlXCI6e1wiJGlkXCI6XCIxMzU3XCIsXCJGb250U2V0dGluZ3NcIjp7XCIkaWRcIjpcIjEzNThcIixcIkZvbnRTaXplXCI6MTEsXCJGb250TmFtZVwiOlwiQ2FsaWJyaVwiLFwiSXNCb2xkXCI6dHJ1ZSxcIklzSXRhbGljXCI6ZmFsc2UsXCJJc1VuZGVybGluZWRcIjpmYWxzZX0sXCJBdXRvU2l6ZVwiOjAsXCJGb3JlZ3JvdW5kXCI6e1wiJGlkXCI6XCIxMzU5XCIsXCJDb2xvclwiOntcIiRpZFwiOlwiMTM2MF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5Mzk5MzBkZC1hZDllLTRlZjAtYjk1YS00MjUxZmY1ZDdkZDVcIn0se1wiJGlkXCI6XCIxMzc1XCIsXCJUaXRsZVN0eWxlXCI6e1wiJGlkXCI6XCIxMzc2XCIsXCJGb250U2V0dGluZ3NcIjp7XCIkaWRcIjpcIjEzNzdcIixcIkZvbnRTaXplXCI6MTEsXCJGb250TmFtZVwiOlwiQ2FsaWJyaVwiLFwiSXNCb2xkXCI6dHJ1ZSxcIklzSXRhbGljXCI6ZmFsc2UsXCJJc1VuZGVybGluZWRcIjpmYWxzZX0sXCJBdXRvU2l6ZVwiOjAsXCJGb3JlZ3JvdW5kXCI6e1wiJGlkXCI6XCIxMzc4XCIsXCJDb2xvclwiOntcIiRpZFwiOlwiMTM3OV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JiYzI4OTJmMS1kNDBlLTRmMDUtYTkzYy1jOWQ2NTJhMzhkMDVcIn0se1wiJGlkXCI6XCIxMzk0XCIsXCJUaXRsZVN0eWxlXCI6e1wiJGlkXCI6XCIxMzk1XCIsXCJGb250U2V0dGluZ3NcIjp7XCIkaWRcIjpcIjEzOTZcIixcIkZvbnRTaXplXCI6MTEsXCJGb250TmFtZVwiOlwiQ2FsaWJyaVwiLFwiSXNCb2xkXCI6dHJ1ZSxcIklzSXRhbGljXCI6ZmFsc2UsXCJJc1VuZGVybGluZWRcIjpmYWxzZX0sXCJBdXRvU2l6ZVwiOjAsXCJGb3JlZ3JvdW5kXCI6e1wiJGlkXCI6XCIxMzk3XCIsXCJDb2xvclwiOntcIiRpZFwiOlwiMTM5OF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xNzAiLCJVc2VUaW1lIjp0cnVlLCJXb3JrRGF5U3RhcnQiOiIwMDowMDowMCIsIldvcmtEYXlFbmQiOiIyMzo1OTowMCJ9LCJMYXN0VXNlZFRlbXBsYXRlSWQiOiI3MDliMzU0OS00OWEwLTRlNTgtYmE1Ny1mZGI5MTg5M2I2NDg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DURATIONFORMAT" val="wk"/>
  <p:tag name="OTLSHAPETHICKNESSTYPE" val="Custom"/>
  <p:tag name="OTLSTARTDATE" val="2023-03-06T00:00:00.0000000Z"/>
  <p:tag name="OTLENDDATE" val="2023-03-06T12:00:00.0000000Z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DURATIONFORMAT" val="wk"/>
  <p:tag name="OTLSHAPETHICKNESSTYPE" val="Custom"/>
  <p:tag name="OTLSTARTDATE" val="2023-03-08T09:00:00.0000000Z"/>
  <p:tag name="OTLENDDATE" val="2023-03-08T21:00:00.0000000Z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Custom"/>
  <p:tag name="OTLMARKERSHAPE" val="OTL"/>
  <p:tag name="OTLSTARTDATE" val="2023-03-09T09:00:00.0000000Z"/>
  <p:tag name="OTLENDDATE" val="2023-03-09T21:00:00.0000000Z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Custom"/>
  <p:tag name="OTLSTARTDATE" val="2023-03-10T11:59:00.0000000Z"/>
  <p:tag name="OTLENDDATE" val="2023-03-10T23:59:00.0000000Z"/>
  <p:tag name="OTLDURATIONFORMAT" val="wk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Custom"/>
  <p:tag name="OTLSTARTDATE" val="2023-03-09T00:00:00.0000000Z"/>
  <p:tag name="OTLENDDATE" val="2023-03-09T12:00:00.0000000Z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Custom"/>
  <p:tag name="OTLSTARTDATE" val="2023-03-06T08:00:00.0000000Z"/>
  <p:tag name="OTLENDDATE" val="2023-03-06T20:00:00.0000000Z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DURATIONFORMAT" val="wk"/>
  <p:tag name="OTLSHAPETHICKNESSTYPE" val="Custom"/>
  <p:tag name="OTLMARKERSHAPE" val="OTL"/>
  <p:tag name="OTLSTARTDATE" val="2023-03-09T09:00:00.0000000Z"/>
  <p:tag name="OTLENDDATE" val="2023-03-09T21:00:00.0000000Z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Custom"/>
  <p:tag name="OTLDURATIONFORMAT" val="wk"/>
  <p:tag name="OTLSTARTDATE" val="2023-03-10T01:00:00.0000000Z"/>
  <p:tag name="OTLENDDATE" val="2023-03-10T13:00:00.0000000Z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Custom"/>
  <p:tag name="OTLSTARTDATE" val="2023-03-08T00:00:00.0000000Z"/>
  <p:tag name="OTLENDDATE" val="2023-03-08T12:00:00.0000000Z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Custom"/>
  <p:tag name="OTLDURATIONFORMAT" val="wk"/>
  <p:tag name="OTLSTARTDATE" val="2023-03-10T01:00:00.0000000Z"/>
  <p:tag name="OTLENDDATE" val="2023-03-10T13:00:00.0000000Z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DURATIONFORMAT" val="wk"/>
  <p:tag name="OTLSHAPETHICKNESSTYPE" val="Custom"/>
  <p:tag name="OTLSTARTDATE" val="2023-03-07T11:59:00.0000000Z"/>
  <p:tag name="OTLENDDATE" val="2023-03-07T23:59:00.0000000Z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Custom"/>
  <p:tag name="OTLSTARTDATE" val="2023-03-08T09:00:00.0000000Z"/>
  <p:tag name="OTLENDDATE" val="2023-03-08T21:00:00.0000000Z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DURATIONFORMAT" val="wk"/>
  <p:tag name="OTLSHAPETHICKNESSTYPE" val="Custom"/>
  <p:tag name="OTLSTARTDATE" val="2023-03-10T11:59:00.0000000Z"/>
  <p:tag name="OTLENDDATE" val="2023-03-10T23:59:00.0000000Z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Custom"/>
  <p:tag name="OTLENDDATE" val="2023-03-07T14:00:00.0000000Z"/>
  <p:tag name="OTLSTARTDATE" val="2023-03-07T01:00:00.0000000Z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wk"/>
  <p:tag name="OTLSPACING" val="3"/>
  <p:tag name="OTLSHAPETHICKNESSTYPE" val="Custom"/>
  <p:tag name="OTLSTARTDATE" val="2023-03-08T17:00:00.0000000Z"/>
  <p:tag name="OTLENDDATE" val="2023-03-09T05:00:00.0000000Z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3-03-08T18:00:00.0000000"/>
  <p:tag name="OTLMTITLE" val="File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est"/>
  <p:tag name="OTLPOSITIONONTASK" val="None"/>
  <p:tag name="OTLRELATEDTASKID" val="00000000-0000-0000-0000-000000000000"/>
  <p:tag name="OTLDATE" val="2023-03-07T14:00:00.0000000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LEFTENDCAPSMARGINLEFT" val="101"/>
  <p:tag name="OTLTIMEBANDRESERVEDLEFTAREAWIDTH" val="76"/>
  <p:tag name="OTLTIMEBANDENDDATE" val="2023-12-24T11:59:00.0000000"/>
  <p:tag name="OTLTIMEBANDRESERVEDLEFTAREAISSET" val="False"/>
  <p:tag name="OTLTIMEBANDSCALETYPE" val="Days"/>
  <p:tag name="OTLTIMEBANDSCALEFORMAT" val="d"/>
  <p:tag name="OTLTIMEBANDUSETIME" val="True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3-10T18:00:00.0000000"/>
  <p:tag name="OTLPOSITIONONTASK" val="None"/>
  <p:tag name="OTLRELATEDTASKID" val="00000000-0000-0000-0000-000000000000"/>
  <p:tag name="OTLMTITLE" val="Close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x"/>
  <p:tag name="OTLDATE" val="2023-03-10T07:00:00.0000000"/>
  <p:tag name="OTLPOSITIONONTASK" val="None"/>
  <p:tag name="OTLRELATEDTASKID" val="00000000-0000-0000-0000-000000000000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3-06T06:00:00.0000000"/>
  <p:tag name="OTLPOSITIONONTASK" val="None"/>
  <p:tag name="OTLRELATEDTASKID" val="00000000-0000-0000-0000-000000000000"/>
  <p:tag name="OTLMTITLE" val="Report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6</Words>
  <Application>Microsoft Office PowerPoint</Application>
  <PresentationFormat>Widescreen</PresentationFormat>
  <Paragraphs>53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6-22T16:44:56Z</dcterms:created>
  <dcterms:modified xsi:type="dcterms:W3CDTF">2022-06-24T13:28:07Z</dcterms:modified>
</cp:coreProperties>
</file>